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3章 農業・漁業\01公表用\"/>
    </mc:Choice>
  </mc:AlternateContent>
  <xr:revisionPtr revIDLastSave="0" documentId="13_ncr:1_{9EFEFA04-097C-45F9-A335-D9492B6EA424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-3男女別農業従事者" sheetId="1" r:id="rId1"/>
  </sheets>
  <definedNames>
    <definedName name="_xlnm.Print_Area" localSheetId="0">'1-3男女別農業従事者'!$A$1:$O$56</definedName>
    <definedName name="_xlnm.Print_Titles" localSheetId="0">'1-3男女別農業従事者'!$1:$5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3" uniqueCount="40">
  <si>
    <t>１－３　年齢区分別・男女別農業従事者数</t>
    <rPh sb="4" eb="6">
      <t>ネンレイ</t>
    </rPh>
    <rPh sb="6" eb="8">
      <t>クブン</t>
    </rPh>
    <rPh sb="8" eb="9">
      <t>ベツ</t>
    </rPh>
    <rPh sb="10" eb="13">
      <t>ダンジョベツ</t>
    </rPh>
    <rPh sb="13" eb="15">
      <t>ノウギョウ</t>
    </rPh>
    <rPh sb="15" eb="17">
      <t>ジュウジ</t>
    </rPh>
    <rPh sb="17" eb="18">
      <t>センジュウシャ</t>
    </rPh>
    <rPh sb="18" eb="19">
      <t>スウ</t>
    </rPh>
    <phoneticPr fontId="4"/>
  </si>
  <si>
    <t>資料：北海道農業基本調査結果報告書、農業センサス、農林業センサス、世界農林業センサス、北海道統計</t>
    <rPh sb="0" eb="2">
      <t>シリョウ</t>
    </rPh>
    <phoneticPr fontId="4"/>
  </si>
  <si>
    <t>（各年２月１日現在　単位:人）</t>
    <rPh sb="1" eb="3">
      <t>カクネン</t>
    </rPh>
    <rPh sb="4" eb="5">
      <t>ガツ</t>
    </rPh>
    <rPh sb="6" eb="7">
      <t>ニチ</t>
    </rPh>
    <rPh sb="7" eb="9">
      <t>ゲンザイ</t>
    </rPh>
    <rPh sb="10" eb="12">
      <t>タンイ</t>
    </rPh>
    <rPh sb="13" eb="14">
      <t>ニン</t>
    </rPh>
    <phoneticPr fontId="4"/>
  </si>
  <si>
    <t>西暦</t>
    <rPh sb="0" eb="2">
      <t>セイレキ</t>
    </rPh>
    <phoneticPr fontId="4"/>
  </si>
  <si>
    <t>和歴</t>
    <rPh sb="0" eb="1">
      <t>ワ</t>
    </rPh>
    <rPh sb="1" eb="2">
      <t>レキ</t>
    </rPh>
    <phoneticPr fontId="4"/>
  </si>
  <si>
    <t>地区</t>
    <rPh sb="0" eb="2">
      <t>チク</t>
    </rPh>
    <phoneticPr fontId="4"/>
  </si>
  <si>
    <t>農業従事者総数</t>
    <rPh sb="0" eb="2">
      <t>ノウギョウ</t>
    </rPh>
    <rPh sb="2" eb="5">
      <t>ジュウジシャ</t>
    </rPh>
    <rPh sb="5" eb="7">
      <t>ソウスウ</t>
    </rPh>
    <phoneticPr fontId="4"/>
  </si>
  <si>
    <t>１６～２９歳</t>
    <rPh sb="5" eb="6">
      <t>サイ</t>
    </rPh>
    <phoneticPr fontId="4"/>
  </si>
  <si>
    <t>３０～５９歳</t>
    <rPh sb="5" eb="6">
      <t>サイ</t>
    </rPh>
    <phoneticPr fontId="4"/>
  </si>
  <si>
    <t>６０歳以上</t>
    <rPh sb="2" eb="3">
      <t>サイ</t>
    </rPh>
    <rPh sb="3" eb="5">
      <t>イジョウ</t>
    </rPh>
    <phoneticPr fontId="4"/>
  </si>
  <si>
    <t>総　数</t>
    <rPh sb="0" eb="3">
      <t>ソウスウ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昭和55年</t>
    <rPh sb="0" eb="2">
      <t>ショウワ</t>
    </rPh>
    <phoneticPr fontId="4"/>
  </si>
  <si>
    <t>石狩町</t>
    <rPh sb="0" eb="2">
      <t>イシカリ</t>
    </rPh>
    <rPh sb="2" eb="3">
      <t>マチ</t>
    </rPh>
    <phoneticPr fontId="4"/>
  </si>
  <si>
    <t>厚田村</t>
    <rPh sb="0" eb="2">
      <t>ア</t>
    </rPh>
    <rPh sb="2" eb="3">
      <t>ムラ</t>
    </rPh>
    <phoneticPr fontId="4"/>
  </si>
  <si>
    <t>浜益村</t>
    <rPh sb="0" eb="2">
      <t>ｈ</t>
    </rPh>
    <rPh sb="2" eb="3">
      <t>ムラ</t>
    </rPh>
    <phoneticPr fontId="4"/>
  </si>
  <si>
    <t>昭和56年</t>
    <rPh sb="0" eb="2">
      <t>ショウワ</t>
    </rPh>
    <phoneticPr fontId="4"/>
  </si>
  <si>
    <t>昭和57年</t>
    <rPh sb="0" eb="2">
      <t>ショウワ</t>
    </rPh>
    <phoneticPr fontId="4"/>
  </si>
  <si>
    <t>昭和58年</t>
    <rPh sb="0" eb="2">
      <t>ショウワ</t>
    </rPh>
    <phoneticPr fontId="4"/>
  </si>
  <si>
    <t>昭和59年</t>
    <rPh sb="0" eb="2">
      <t>ショウワ</t>
    </rPh>
    <phoneticPr fontId="4"/>
  </si>
  <si>
    <t>昭和60年</t>
    <rPh sb="0" eb="2">
      <t>ショウワ</t>
    </rPh>
    <phoneticPr fontId="4"/>
  </si>
  <si>
    <t>昭和63年</t>
    <rPh sb="0" eb="2">
      <t>ｓ</t>
    </rPh>
    <phoneticPr fontId="4"/>
  </si>
  <si>
    <t>平成 2年</t>
    <rPh sb="0" eb="2">
      <t>ｈ</t>
    </rPh>
    <rPh sb="4" eb="5">
      <t>ネン</t>
    </rPh>
    <phoneticPr fontId="4"/>
  </si>
  <si>
    <t>平成 5年</t>
    <rPh sb="0" eb="2">
      <t>ｈ</t>
    </rPh>
    <rPh sb="4" eb="5">
      <t>ネン</t>
    </rPh>
    <phoneticPr fontId="4"/>
  </si>
  <si>
    <t>*</t>
  </si>
  <si>
    <t>平成 7年</t>
    <rPh sb="0" eb="2">
      <t>ｈ</t>
    </rPh>
    <rPh sb="4" eb="5">
      <t>ネン</t>
    </rPh>
    <phoneticPr fontId="4"/>
  </si>
  <si>
    <t>平成10年</t>
    <rPh sb="0" eb="2">
      <t>ｈ</t>
    </rPh>
    <rPh sb="4" eb="5">
      <t>ネン</t>
    </rPh>
    <phoneticPr fontId="4"/>
  </si>
  <si>
    <t>石狩市</t>
    <rPh sb="0" eb="3">
      <t>イ</t>
    </rPh>
    <phoneticPr fontId="4"/>
  </si>
  <si>
    <t>平成12年</t>
    <rPh sb="0" eb="2">
      <t>ｈ</t>
    </rPh>
    <rPh sb="4" eb="5">
      <t>ネン</t>
    </rPh>
    <phoneticPr fontId="4"/>
  </si>
  <si>
    <t>平成17年</t>
    <rPh sb="0" eb="2">
      <t>ｈ</t>
    </rPh>
    <rPh sb="4" eb="5">
      <t>ネン</t>
    </rPh>
    <phoneticPr fontId="4"/>
  </si>
  <si>
    <t>平成22年</t>
    <rPh sb="0" eb="2">
      <t>ｈ</t>
    </rPh>
    <rPh sb="4" eb="5">
      <t>ネン</t>
    </rPh>
    <phoneticPr fontId="4"/>
  </si>
  <si>
    <t>石狩地区</t>
    <rPh sb="0" eb="2">
      <t>イシカリ</t>
    </rPh>
    <rPh sb="2" eb="4">
      <t>チク</t>
    </rPh>
    <phoneticPr fontId="3"/>
  </si>
  <si>
    <t>厚田区</t>
    <rPh sb="0" eb="2">
      <t>ア</t>
    </rPh>
    <rPh sb="2" eb="3">
      <t>ク</t>
    </rPh>
    <phoneticPr fontId="3"/>
  </si>
  <si>
    <t>浜益区</t>
    <rPh sb="0" eb="2">
      <t>ｈ</t>
    </rPh>
    <rPh sb="2" eb="3">
      <t>ク</t>
    </rPh>
    <phoneticPr fontId="3"/>
  </si>
  <si>
    <t>平成27年</t>
    <rPh sb="0" eb="2">
      <t>ｈ</t>
    </rPh>
    <rPh sb="4" eb="5">
      <t>ネン</t>
    </rPh>
    <phoneticPr fontId="4"/>
  </si>
  <si>
    <t>※農業従事者（世帯員）…調査期日前１年間に農業に従事した１６歳以上の世帯員</t>
    <rPh sb="1" eb="3">
      <t>ノウギョウ</t>
    </rPh>
    <rPh sb="3" eb="5">
      <t>ジュウジ</t>
    </rPh>
    <rPh sb="5" eb="6">
      <t>センジュウシャ</t>
    </rPh>
    <rPh sb="7" eb="10">
      <t>セタイイン</t>
    </rPh>
    <rPh sb="12" eb="14">
      <t>チョウサ</t>
    </rPh>
    <rPh sb="14" eb="16">
      <t>キジツ</t>
    </rPh>
    <rPh sb="16" eb="17">
      <t>マエ</t>
    </rPh>
    <rPh sb="18" eb="19">
      <t>ネン</t>
    </rPh>
    <rPh sb="19" eb="20">
      <t>カン</t>
    </rPh>
    <rPh sb="21" eb="23">
      <t>ノウギョウ</t>
    </rPh>
    <rPh sb="24" eb="26">
      <t>ジュウジ</t>
    </rPh>
    <rPh sb="30" eb="31">
      <t>サイ</t>
    </rPh>
    <rPh sb="31" eb="33">
      <t>イジョウ</t>
    </rPh>
    <rPh sb="34" eb="37">
      <t>セタイイン</t>
    </rPh>
    <phoneticPr fontId="4"/>
  </si>
  <si>
    <t>※2000年（平成12年）までは総農家、2005年（平成17年）以降は販売農家とする。</t>
    <rPh sb="5" eb="6">
      <t>ネン</t>
    </rPh>
    <rPh sb="7" eb="9">
      <t>ｈ</t>
    </rPh>
    <rPh sb="11" eb="12">
      <t>ネン</t>
    </rPh>
    <rPh sb="16" eb="17">
      <t>ソウ</t>
    </rPh>
    <rPh sb="17" eb="19">
      <t>ノウカ</t>
    </rPh>
    <rPh sb="24" eb="25">
      <t>ネン</t>
    </rPh>
    <rPh sb="26" eb="28">
      <t>ヘイセイ</t>
    </rPh>
    <rPh sb="30" eb="31">
      <t>ネン</t>
    </rPh>
    <rPh sb="32" eb="34">
      <t>イコウ</t>
    </rPh>
    <rPh sb="35" eb="37">
      <t>ハンバイ</t>
    </rPh>
    <rPh sb="37" eb="39">
      <t>ノウカ</t>
    </rPh>
    <phoneticPr fontId="4"/>
  </si>
  <si>
    <t>令和2年</t>
    <rPh sb="0" eb="2">
      <t>レイワ</t>
    </rPh>
    <rPh sb="3" eb="4">
      <t>ネン</t>
    </rPh>
    <phoneticPr fontId="4"/>
  </si>
  <si>
    <t>ただし、１９９５年（平成７年）以降は１５歳以上の世帯員</t>
    <rPh sb="8" eb="9">
      <t>ネン</t>
    </rPh>
    <rPh sb="10" eb="12">
      <t>ｈ</t>
    </rPh>
    <rPh sb="13" eb="14">
      <t>ネン</t>
    </rPh>
    <rPh sb="15" eb="17">
      <t>イコウ</t>
    </rPh>
    <rPh sb="20" eb="23">
      <t>サイイジョウ</t>
    </rPh>
    <rPh sb="24" eb="26">
      <t>セタイ</t>
    </rPh>
    <rPh sb="26" eb="27">
      <t>イ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00&quot;年&quot;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7">
    <border>
      <left/>
      <right/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78">
    <xf numFmtId="0" fontId="0" fillId="0" borderId="0" xfId="0"/>
    <xf numFmtId="0" fontId="2" fillId="0" borderId="0" xfId="0" applyFont="1"/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8" xfId="0" applyFont="1" applyBorder="1" applyAlignment="1">
      <alignment horizontal="center" vertical="center"/>
    </xf>
    <xf numFmtId="38" fontId="0" fillId="0" borderId="19" xfId="1" applyFont="1" applyBorder="1" applyAlignment="1">
      <alignment vertical="center"/>
    </xf>
    <xf numFmtId="38" fontId="0" fillId="0" borderId="20" xfId="1" applyFont="1" applyBorder="1" applyAlignment="1">
      <alignment vertical="center"/>
    </xf>
    <xf numFmtId="38" fontId="0" fillId="0" borderId="21" xfId="1" applyFont="1" applyBorder="1" applyAlignment="1">
      <alignment vertical="center"/>
    </xf>
    <xf numFmtId="38" fontId="0" fillId="0" borderId="22" xfId="1" applyFont="1" applyBorder="1" applyAlignment="1">
      <alignment vertical="center"/>
    </xf>
    <xf numFmtId="38" fontId="0" fillId="0" borderId="23" xfId="1" applyFont="1" applyBorder="1" applyAlignment="1">
      <alignment vertical="center"/>
    </xf>
    <xf numFmtId="0" fontId="0" fillId="0" borderId="26" xfId="0" applyFont="1" applyBorder="1" applyAlignment="1">
      <alignment horizontal="center" vertical="center"/>
    </xf>
    <xf numFmtId="38" fontId="0" fillId="0" borderId="27" xfId="1" applyFont="1" applyBorder="1" applyAlignment="1">
      <alignment vertical="center"/>
    </xf>
    <xf numFmtId="0" fontId="0" fillId="0" borderId="28" xfId="0" applyBorder="1" applyAlignment="1">
      <alignment horizontal="right" vertical="center"/>
    </xf>
    <xf numFmtId="0" fontId="0" fillId="0" borderId="29" xfId="0" applyBorder="1" applyAlignment="1">
      <alignment horizontal="right" vertical="center"/>
    </xf>
    <xf numFmtId="0" fontId="0" fillId="0" borderId="30" xfId="0" applyBorder="1" applyAlignment="1">
      <alignment horizontal="right" vertical="center"/>
    </xf>
    <xf numFmtId="0" fontId="0" fillId="0" borderId="31" xfId="0" applyBorder="1" applyAlignment="1">
      <alignment horizontal="right" vertical="center"/>
    </xf>
    <xf numFmtId="0" fontId="0" fillId="0" borderId="32" xfId="0" applyFont="1" applyBorder="1" applyAlignment="1">
      <alignment horizontal="center" vertical="center"/>
    </xf>
    <xf numFmtId="38" fontId="0" fillId="0" borderId="11" xfId="1" applyFont="1" applyBorder="1" applyAlignment="1">
      <alignment vertical="center"/>
    </xf>
    <xf numFmtId="0" fontId="0" fillId="0" borderId="12" xfId="0" applyBorder="1" applyAlignment="1">
      <alignment horizontal="right" vertical="center"/>
    </xf>
    <xf numFmtId="0" fontId="0" fillId="0" borderId="14" xfId="0" applyBorder="1" applyAlignment="1">
      <alignment horizontal="right" vertical="center"/>
    </xf>
    <xf numFmtId="0" fontId="0" fillId="0" borderId="33" xfId="0" applyBorder="1" applyAlignment="1">
      <alignment horizontal="right" vertical="center"/>
    </xf>
    <xf numFmtId="0" fontId="0" fillId="0" borderId="15" xfId="0" applyBorder="1" applyAlignment="1">
      <alignment horizontal="right" vertical="center"/>
    </xf>
    <xf numFmtId="0" fontId="0" fillId="0" borderId="36" xfId="0" applyFont="1" applyFill="1" applyBorder="1" applyAlignment="1">
      <alignment horizontal="center" vertical="center"/>
    </xf>
    <xf numFmtId="38" fontId="0" fillId="0" borderId="37" xfId="1" applyFont="1" applyFill="1" applyBorder="1" applyAlignment="1">
      <alignment vertical="center"/>
    </xf>
    <xf numFmtId="38" fontId="0" fillId="0" borderId="38" xfId="1" applyFont="1" applyFill="1" applyBorder="1" applyAlignment="1">
      <alignment vertical="center"/>
    </xf>
    <xf numFmtId="38" fontId="0" fillId="0" borderId="39" xfId="1" applyFont="1" applyFill="1" applyBorder="1" applyAlignment="1">
      <alignment vertical="center"/>
    </xf>
    <xf numFmtId="38" fontId="0" fillId="0" borderId="40" xfId="1" applyFont="1" applyFill="1" applyBorder="1" applyAlignment="1">
      <alignment vertical="center"/>
    </xf>
    <xf numFmtId="38" fontId="0" fillId="0" borderId="41" xfId="1" applyFont="1" applyFill="1" applyBorder="1" applyAlignment="1">
      <alignment vertical="center"/>
    </xf>
    <xf numFmtId="0" fontId="0" fillId="0" borderId="0" xfId="0" applyFill="1"/>
    <xf numFmtId="0" fontId="0" fillId="0" borderId="26" xfId="0" applyFont="1" applyFill="1" applyBorder="1" applyAlignment="1">
      <alignment horizontal="center" vertical="center"/>
    </xf>
    <xf numFmtId="38" fontId="0" fillId="0" borderId="27" xfId="1" applyFont="1" applyFill="1" applyBorder="1" applyAlignment="1">
      <alignment vertical="center"/>
    </xf>
    <xf numFmtId="38" fontId="0" fillId="0" borderId="28" xfId="1" applyFont="1" applyFill="1" applyBorder="1" applyAlignment="1">
      <alignment vertical="center"/>
    </xf>
    <xf numFmtId="38" fontId="0" fillId="0" borderId="29" xfId="1" applyFont="1" applyFill="1" applyBorder="1" applyAlignment="1">
      <alignment vertical="center"/>
    </xf>
    <xf numFmtId="38" fontId="0" fillId="0" borderId="30" xfId="1" applyFont="1" applyFill="1" applyBorder="1" applyAlignment="1">
      <alignment vertical="center"/>
    </xf>
    <xf numFmtId="38" fontId="0" fillId="0" borderId="31" xfId="1" applyFont="1" applyFill="1" applyBorder="1" applyAlignment="1">
      <alignment vertical="center"/>
    </xf>
    <xf numFmtId="0" fontId="0" fillId="0" borderId="44" xfId="0" applyFont="1" applyFill="1" applyBorder="1" applyAlignment="1">
      <alignment horizontal="center" vertical="center"/>
    </xf>
    <xf numFmtId="38" fontId="0" fillId="0" borderId="45" xfId="1" applyFont="1" applyFill="1" applyBorder="1" applyAlignment="1">
      <alignment vertical="center"/>
    </xf>
    <xf numFmtId="38" fontId="0" fillId="0" borderId="46" xfId="1" applyFont="1" applyFill="1" applyBorder="1" applyAlignment="1">
      <alignment vertical="center"/>
    </xf>
    <xf numFmtId="38" fontId="0" fillId="0" borderId="47" xfId="1" applyFont="1" applyFill="1" applyBorder="1" applyAlignment="1">
      <alignment vertical="center"/>
    </xf>
    <xf numFmtId="38" fontId="0" fillId="0" borderId="48" xfId="1" applyFont="1" applyFill="1" applyBorder="1" applyAlignment="1">
      <alignment vertical="center"/>
    </xf>
    <xf numFmtId="38" fontId="0" fillId="0" borderId="12" xfId="1" applyFont="1" applyFill="1" applyBorder="1" applyAlignment="1">
      <alignment vertical="center"/>
    </xf>
    <xf numFmtId="38" fontId="0" fillId="0" borderId="49" xfId="1" applyFont="1" applyFill="1" applyBorder="1" applyAlignment="1">
      <alignment vertical="center"/>
    </xf>
    <xf numFmtId="0" fontId="0" fillId="0" borderId="18" xfId="0" applyFont="1" applyFill="1" applyBorder="1" applyAlignment="1">
      <alignment horizontal="center" vertical="center"/>
    </xf>
    <xf numFmtId="38" fontId="0" fillId="0" borderId="19" xfId="1" applyFont="1" applyFill="1" applyBorder="1" applyAlignment="1">
      <alignment vertical="center"/>
    </xf>
    <xf numFmtId="38" fontId="0" fillId="0" borderId="20" xfId="1" applyFont="1" applyFill="1" applyBorder="1" applyAlignment="1">
      <alignment vertical="center"/>
    </xf>
    <xf numFmtId="38" fontId="0" fillId="0" borderId="21" xfId="1" applyFont="1" applyFill="1" applyBorder="1" applyAlignment="1">
      <alignment vertical="center"/>
    </xf>
    <xf numFmtId="38" fontId="0" fillId="0" borderId="22" xfId="1" applyFont="1" applyFill="1" applyBorder="1" applyAlignment="1">
      <alignment vertical="center"/>
    </xf>
    <xf numFmtId="38" fontId="0" fillId="0" borderId="17" xfId="1" applyFont="1" applyFill="1" applyBorder="1" applyAlignment="1">
      <alignment vertical="center"/>
    </xf>
    <xf numFmtId="38" fontId="0" fillId="0" borderId="50" xfId="1" applyFont="1" applyFill="1" applyBorder="1" applyAlignment="1">
      <alignment vertical="center"/>
    </xf>
    <xf numFmtId="38" fontId="0" fillId="0" borderId="28" xfId="1" applyFont="1" applyBorder="1" applyAlignment="1">
      <alignment vertical="center"/>
    </xf>
    <xf numFmtId="38" fontId="0" fillId="0" borderId="29" xfId="1" applyFont="1" applyBorder="1" applyAlignment="1">
      <alignment vertical="center"/>
    </xf>
    <xf numFmtId="38" fontId="0" fillId="0" borderId="51" xfId="1" applyFont="1" applyBorder="1" applyAlignment="1">
      <alignment vertical="center"/>
    </xf>
    <xf numFmtId="38" fontId="0" fillId="0" borderId="25" xfId="1" applyFont="1" applyBorder="1" applyAlignment="1">
      <alignment vertical="center"/>
    </xf>
    <xf numFmtId="38" fontId="0" fillId="0" borderId="52" xfId="1" applyFont="1" applyBorder="1" applyAlignment="1">
      <alignment vertical="center"/>
    </xf>
    <xf numFmtId="38" fontId="0" fillId="0" borderId="12" xfId="1" applyFont="1" applyBorder="1" applyAlignment="1">
      <alignment vertical="center"/>
    </xf>
    <xf numFmtId="38" fontId="0" fillId="0" borderId="9" xfId="1" applyFont="1" applyBorder="1" applyAlignment="1">
      <alignment vertical="center"/>
    </xf>
    <xf numFmtId="38" fontId="0" fillId="0" borderId="13" xfId="1" applyFont="1" applyBorder="1" applyAlignment="1">
      <alignment vertical="center"/>
    </xf>
    <xf numFmtId="38" fontId="0" fillId="0" borderId="53" xfId="1" applyFont="1" applyBorder="1" applyAlignment="1">
      <alignment vertical="center"/>
    </xf>
    <xf numFmtId="0" fontId="0" fillId="0" borderId="36" xfId="0" applyFont="1" applyBorder="1" applyAlignment="1">
      <alignment horizontal="center" vertical="center"/>
    </xf>
    <xf numFmtId="38" fontId="0" fillId="0" borderId="37" xfId="1" applyFont="1" applyBorder="1" applyAlignment="1">
      <alignment vertical="center"/>
    </xf>
    <xf numFmtId="38" fontId="0" fillId="0" borderId="38" xfId="1" applyFont="1" applyBorder="1" applyAlignment="1">
      <alignment vertical="center"/>
    </xf>
    <xf numFmtId="38" fontId="0" fillId="0" borderId="35" xfId="1" applyFont="1" applyBorder="1" applyAlignment="1">
      <alignment vertical="center"/>
    </xf>
    <xf numFmtId="38" fontId="0" fillId="0" borderId="54" xfId="1" applyFont="1" applyBorder="1" applyAlignment="1">
      <alignment vertical="center"/>
    </xf>
    <xf numFmtId="38" fontId="0" fillId="0" borderId="55" xfId="1" applyFont="1" applyBorder="1" applyAlignment="1">
      <alignment vertical="center"/>
    </xf>
    <xf numFmtId="0" fontId="0" fillId="0" borderId="44" xfId="0" applyFont="1" applyBorder="1" applyAlignment="1">
      <alignment horizontal="center" vertical="center"/>
    </xf>
    <xf numFmtId="38" fontId="0" fillId="0" borderId="45" xfId="1" applyFont="1" applyBorder="1" applyAlignment="1">
      <alignment vertical="center"/>
    </xf>
    <xf numFmtId="38" fontId="0" fillId="0" borderId="46" xfId="1" applyFont="1" applyBorder="1" applyAlignment="1">
      <alignment vertical="center"/>
    </xf>
    <xf numFmtId="38" fontId="0" fillId="0" borderId="43" xfId="1" applyFont="1" applyBorder="1" applyAlignment="1">
      <alignment vertical="center"/>
    </xf>
    <xf numFmtId="38" fontId="0" fillId="0" borderId="56" xfId="1" applyFont="1" applyBorder="1" applyAlignment="1">
      <alignment vertical="center"/>
    </xf>
    <xf numFmtId="38" fontId="0" fillId="0" borderId="49" xfId="1" applyFont="1" applyBorder="1" applyAlignment="1">
      <alignment vertical="center"/>
    </xf>
    <xf numFmtId="38" fontId="0" fillId="0" borderId="57" xfId="1" applyFont="1" applyBorder="1" applyAlignment="1">
      <alignment vertical="center"/>
    </xf>
    <xf numFmtId="38" fontId="0" fillId="0" borderId="17" xfId="1" applyFont="1" applyBorder="1" applyAlignment="1">
      <alignment vertical="center"/>
    </xf>
    <xf numFmtId="38" fontId="0" fillId="0" borderId="50" xfId="1" applyFont="1" applyBorder="1" applyAlignment="1">
      <alignment vertical="center"/>
    </xf>
    <xf numFmtId="38" fontId="0" fillId="0" borderId="45" xfId="1" applyFont="1" applyBorder="1" applyAlignment="1">
      <alignment horizontal="right" vertical="center"/>
    </xf>
    <xf numFmtId="38" fontId="0" fillId="0" borderId="46" xfId="1" applyFont="1" applyBorder="1" applyAlignment="1">
      <alignment horizontal="right" vertical="center"/>
    </xf>
    <xf numFmtId="38" fontId="0" fillId="0" borderId="43" xfId="1" applyFont="1" applyBorder="1" applyAlignment="1">
      <alignment horizontal="right" vertical="center"/>
    </xf>
    <xf numFmtId="38" fontId="0" fillId="0" borderId="19" xfId="1" applyFont="1" applyBorder="1" applyAlignment="1">
      <alignment horizontal="right" vertical="center"/>
    </xf>
    <xf numFmtId="38" fontId="0" fillId="0" borderId="20" xfId="1" applyFont="1" applyBorder="1" applyAlignment="1">
      <alignment horizontal="right" vertical="center"/>
    </xf>
    <xf numFmtId="38" fontId="0" fillId="0" borderId="17" xfId="1" applyFont="1" applyBorder="1" applyAlignment="1">
      <alignment horizontal="right" vertical="center"/>
    </xf>
    <xf numFmtId="38" fontId="0" fillId="0" borderId="28" xfId="1" applyFont="1" applyBorder="1" applyAlignment="1">
      <alignment horizontal="right" vertical="center"/>
    </xf>
    <xf numFmtId="38" fontId="0" fillId="0" borderId="25" xfId="1" applyFont="1" applyBorder="1" applyAlignment="1">
      <alignment horizontal="right" vertical="center"/>
    </xf>
    <xf numFmtId="38" fontId="0" fillId="0" borderId="27" xfId="1" applyFont="1" applyBorder="1" applyAlignment="1">
      <alignment horizontal="right" vertical="center"/>
    </xf>
    <xf numFmtId="38" fontId="0" fillId="0" borderId="28" xfId="1" applyFont="1" applyBorder="1" applyAlignment="1">
      <alignment horizontal="center" vertical="center"/>
    </xf>
    <xf numFmtId="38" fontId="0" fillId="0" borderId="51" xfId="1" applyFont="1" applyBorder="1" applyAlignment="1">
      <alignment horizontal="center" vertical="center"/>
    </xf>
    <xf numFmtId="38" fontId="0" fillId="0" borderId="25" xfId="1" applyFont="1" applyBorder="1" applyAlignment="1">
      <alignment horizontal="center" vertical="center"/>
    </xf>
    <xf numFmtId="38" fontId="0" fillId="0" borderId="52" xfId="1" applyFont="1" applyBorder="1" applyAlignment="1">
      <alignment horizontal="center" vertical="center"/>
    </xf>
    <xf numFmtId="38" fontId="0" fillId="0" borderId="12" xfId="1" applyFont="1" applyBorder="1" applyAlignment="1">
      <alignment horizontal="right" vertical="center"/>
    </xf>
    <xf numFmtId="38" fontId="0" fillId="0" borderId="9" xfId="1" applyFont="1" applyBorder="1" applyAlignment="1">
      <alignment horizontal="right" vertical="center"/>
    </xf>
    <xf numFmtId="38" fontId="0" fillId="0" borderId="11" xfId="1" applyFont="1" applyBorder="1" applyAlignment="1">
      <alignment horizontal="right" vertical="center"/>
    </xf>
    <xf numFmtId="38" fontId="0" fillId="0" borderId="12" xfId="1" applyFont="1" applyBorder="1" applyAlignment="1">
      <alignment horizontal="center" vertical="center"/>
    </xf>
    <xf numFmtId="38" fontId="0" fillId="0" borderId="13" xfId="1" applyFont="1" applyBorder="1" applyAlignment="1">
      <alignment horizontal="center" vertical="center"/>
    </xf>
    <xf numFmtId="38" fontId="0" fillId="0" borderId="9" xfId="1" applyFont="1" applyBorder="1" applyAlignment="1">
      <alignment horizontal="center" vertical="center"/>
    </xf>
    <xf numFmtId="38" fontId="0" fillId="0" borderId="53" xfId="1" applyFont="1" applyBorder="1" applyAlignment="1">
      <alignment horizontal="center" vertical="center"/>
    </xf>
    <xf numFmtId="38" fontId="0" fillId="0" borderId="37" xfId="1" applyFont="1" applyBorder="1" applyAlignment="1">
      <alignment horizontal="right" vertical="center"/>
    </xf>
    <xf numFmtId="38" fontId="0" fillId="0" borderId="38" xfId="1" applyFont="1" applyBorder="1" applyAlignment="1">
      <alignment horizontal="right" vertical="center"/>
    </xf>
    <xf numFmtId="38" fontId="0" fillId="0" borderId="35" xfId="1" applyFont="1" applyBorder="1" applyAlignment="1">
      <alignment horizontal="right" vertical="center"/>
    </xf>
    <xf numFmtId="38" fontId="1" fillId="0" borderId="17" xfId="1" applyFont="1" applyFill="1" applyBorder="1" applyAlignment="1">
      <alignment horizontal="right" vertical="center"/>
    </xf>
    <xf numFmtId="38" fontId="1" fillId="0" borderId="57" xfId="1" applyFont="1" applyFill="1" applyBorder="1" applyAlignment="1">
      <alignment vertical="center"/>
    </xf>
    <xf numFmtId="38" fontId="1" fillId="0" borderId="20" xfId="1" applyFont="1" applyFill="1" applyBorder="1" applyAlignment="1">
      <alignment vertical="center"/>
    </xf>
    <xf numFmtId="38" fontId="1" fillId="0" borderId="17" xfId="1" applyFont="1" applyFill="1" applyBorder="1" applyAlignment="1">
      <alignment vertical="center"/>
    </xf>
    <xf numFmtId="38" fontId="1" fillId="0" borderId="50" xfId="1" applyFont="1" applyFill="1" applyBorder="1" applyAlignment="1">
      <alignment vertical="center"/>
    </xf>
    <xf numFmtId="38" fontId="0" fillId="0" borderId="27" xfId="1" applyFont="1" applyFill="1" applyBorder="1" applyAlignment="1">
      <alignment horizontal="right" vertical="center"/>
    </xf>
    <xf numFmtId="38" fontId="0" fillId="0" borderId="28" xfId="1" applyFont="1" applyFill="1" applyBorder="1" applyAlignment="1">
      <alignment horizontal="right" vertical="center"/>
    </xf>
    <xf numFmtId="38" fontId="1" fillId="0" borderId="25" xfId="1" applyFont="1" applyFill="1" applyBorder="1" applyAlignment="1">
      <alignment horizontal="right" vertical="center"/>
    </xf>
    <xf numFmtId="38" fontId="1" fillId="0" borderId="51" xfId="1" applyFont="1" applyFill="1" applyBorder="1" applyAlignment="1">
      <alignment vertical="center"/>
    </xf>
    <xf numFmtId="38" fontId="1" fillId="0" borderId="28" xfId="1" applyFont="1" applyFill="1" applyBorder="1" applyAlignment="1">
      <alignment vertical="center"/>
    </xf>
    <xf numFmtId="38" fontId="1" fillId="0" borderId="25" xfId="1" applyFont="1" applyFill="1" applyBorder="1" applyAlignment="1">
      <alignment vertical="center"/>
    </xf>
    <xf numFmtId="38" fontId="1" fillId="0" borderId="52" xfId="1" applyFont="1" applyFill="1" applyBorder="1" applyAlignment="1">
      <alignment vertical="center"/>
    </xf>
    <xf numFmtId="38" fontId="0" fillId="0" borderId="11" xfId="1" applyFont="1" applyFill="1" applyBorder="1" applyAlignment="1">
      <alignment vertical="center"/>
    </xf>
    <xf numFmtId="38" fontId="1" fillId="0" borderId="9" xfId="1" applyFont="1" applyFill="1" applyBorder="1" applyAlignment="1">
      <alignment vertical="center"/>
    </xf>
    <xf numFmtId="38" fontId="1" fillId="0" borderId="13" xfId="1" applyFont="1" applyFill="1" applyBorder="1" applyAlignment="1">
      <alignment vertical="center"/>
    </xf>
    <xf numFmtId="38" fontId="1" fillId="0" borderId="12" xfId="1" applyFont="1" applyFill="1" applyBorder="1" applyAlignment="1">
      <alignment vertical="center"/>
    </xf>
    <xf numFmtId="38" fontId="1" fillId="0" borderId="53" xfId="1" applyFont="1" applyFill="1" applyBorder="1" applyAlignment="1">
      <alignment vertical="center"/>
    </xf>
    <xf numFmtId="0" fontId="5" fillId="0" borderId="18" xfId="0" applyFont="1" applyBorder="1" applyAlignment="1">
      <alignment horizontal="center" vertical="center"/>
    </xf>
    <xf numFmtId="38" fontId="1" fillId="0" borderId="19" xfId="1" applyFont="1" applyFill="1" applyBorder="1" applyAlignment="1">
      <alignment vertical="center"/>
    </xf>
    <xf numFmtId="0" fontId="5" fillId="0" borderId="26" xfId="0" applyFont="1" applyBorder="1" applyAlignment="1">
      <alignment horizontal="center" vertical="center"/>
    </xf>
    <xf numFmtId="38" fontId="1" fillId="0" borderId="27" xfId="1" applyFont="1" applyFill="1" applyBorder="1" applyAlignment="1">
      <alignment vertical="center"/>
    </xf>
    <xf numFmtId="0" fontId="5" fillId="0" borderId="32" xfId="0" applyFont="1" applyBorder="1" applyAlignment="1">
      <alignment horizontal="center" vertical="center"/>
    </xf>
    <xf numFmtId="38" fontId="1" fillId="0" borderId="11" xfId="1" applyFont="1" applyFill="1" applyBorder="1" applyAlignment="1">
      <alignment vertical="center"/>
    </xf>
    <xf numFmtId="0" fontId="5" fillId="0" borderId="36" xfId="0" applyFont="1" applyBorder="1" applyAlignment="1">
      <alignment horizontal="center" vertical="center"/>
    </xf>
    <xf numFmtId="38" fontId="1" fillId="0" borderId="37" xfId="1" applyFont="1" applyFill="1" applyBorder="1" applyAlignment="1">
      <alignment vertical="center"/>
    </xf>
    <xf numFmtId="38" fontId="1" fillId="0" borderId="38" xfId="1" applyFont="1" applyFill="1" applyBorder="1" applyAlignment="1">
      <alignment vertical="center"/>
    </xf>
    <xf numFmtId="38" fontId="1" fillId="0" borderId="35" xfId="1" applyFont="1" applyFill="1" applyBorder="1" applyAlignment="1">
      <alignment vertical="center"/>
    </xf>
    <xf numFmtId="38" fontId="1" fillId="0" borderId="55" xfId="1" applyFont="1" applyFill="1" applyBorder="1" applyAlignment="1">
      <alignment vertical="center"/>
    </xf>
    <xf numFmtId="0" fontId="5" fillId="0" borderId="60" xfId="0" applyFont="1" applyBorder="1" applyAlignment="1">
      <alignment horizontal="center" vertical="center"/>
    </xf>
    <xf numFmtId="38" fontId="1" fillId="0" borderId="61" xfId="1" applyFont="1" applyFill="1" applyBorder="1" applyAlignment="1">
      <alignment vertical="center"/>
    </xf>
    <xf numFmtId="38" fontId="1" fillId="0" borderId="62" xfId="1" applyFont="1" applyFill="1" applyBorder="1" applyAlignment="1">
      <alignment vertical="center"/>
    </xf>
    <xf numFmtId="38" fontId="1" fillId="0" borderId="59" xfId="1" applyFont="1" applyFill="1" applyBorder="1" applyAlignment="1">
      <alignment vertical="center"/>
    </xf>
    <xf numFmtId="38" fontId="0" fillId="0" borderId="61" xfId="1" applyFont="1" applyBorder="1" applyAlignment="1">
      <alignment vertical="center"/>
    </xf>
    <xf numFmtId="38" fontId="1" fillId="0" borderId="63" xfId="1" applyFont="1" applyFill="1" applyBorder="1" applyAlignment="1">
      <alignment vertical="center"/>
    </xf>
    <xf numFmtId="0" fontId="0" fillId="0" borderId="64" xfId="0" applyBorder="1"/>
    <xf numFmtId="0" fontId="0" fillId="0" borderId="64" xfId="0" applyBorder="1" applyAlignment="1">
      <alignment horizontal="left" vertical="center"/>
    </xf>
    <xf numFmtId="0" fontId="0" fillId="0" borderId="64" xfId="0" applyBorder="1" applyAlignment="1">
      <alignment vertical="center"/>
    </xf>
    <xf numFmtId="0" fontId="0" fillId="0" borderId="0" xfId="0" applyBorder="1"/>
    <xf numFmtId="0" fontId="5" fillId="0" borderId="0" xfId="0" applyFont="1" applyFill="1" applyBorder="1" applyAlignment="1">
      <alignment horizontal="left" vertical="center"/>
    </xf>
    <xf numFmtId="0" fontId="5" fillId="0" borderId="44" xfId="0" applyFont="1" applyBorder="1" applyAlignment="1">
      <alignment horizontal="center" vertical="center"/>
    </xf>
    <xf numFmtId="38" fontId="1" fillId="0" borderId="45" xfId="1" applyFont="1" applyFill="1" applyBorder="1" applyAlignment="1">
      <alignment vertical="center"/>
    </xf>
    <xf numFmtId="38" fontId="1" fillId="0" borderId="46" xfId="1" applyFont="1" applyFill="1" applyBorder="1" applyAlignment="1">
      <alignment vertical="center"/>
    </xf>
    <xf numFmtId="38" fontId="1" fillId="0" borderId="43" xfId="1" applyFont="1" applyFill="1" applyBorder="1" applyAlignment="1">
      <alignment vertical="center"/>
    </xf>
    <xf numFmtId="0" fontId="0" fillId="0" borderId="0" xfId="0" applyAlignment="1">
      <alignment horizontal="left" vertical="center" wrapText="1"/>
    </xf>
    <xf numFmtId="0" fontId="0" fillId="0" borderId="0" xfId="0" applyBorder="1" applyAlignment="1">
      <alignment horizontal="right"/>
    </xf>
    <xf numFmtId="0" fontId="0" fillId="0" borderId="1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176" fontId="0" fillId="0" borderId="16" xfId="0" applyNumberFormat="1" applyBorder="1" applyAlignment="1">
      <alignment horizontal="center" vertical="center"/>
    </xf>
    <xf numFmtId="176" fontId="0" fillId="0" borderId="24" xfId="0" applyNumberFormat="1" applyBorder="1" applyAlignment="1">
      <alignment horizontal="center" vertical="center"/>
    </xf>
    <xf numFmtId="176" fontId="0" fillId="0" borderId="8" xfId="0" applyNumberForma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25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176" fontId="0" fillId="0" borderId="34" xfId="0" applyNumberFormat="1" applyFill="1" applyBorder="1" applyAlignment="1">
      <alignment horizontal="center" vertical="center"/>
    </xf>
    <xf numFmtId="176" fontId="0" fillId="0" borderId="24" xfId="0" applyNumberFormat="1" applyFill="1" applyBorder="1" applyAlignment="1">
      <alignment horizontal="center" vertical="center"/>
    </xf>
    <xf numFmtId="176" fontId="0" fillId="0" borderId="42" xfId="0" applyNumberFormat="1" applyFill="1" applyBorder="1" applyAlignment="1">
      <alignment horizontal="center" vertical="center"/>
    </xf>
    <xf numFmtId="0" fontId="5" fillId="0" borderId="35" xfId="0" applyFont="1" applyFill="1" applyBorder="1" applyAlignment="1">
      <alignment horizontal="center" vertical="center"/>
    </xf>
    <xf numFmtId="0" fontId="5" fillId="0" borderId="25" xfId="0" applyFont="1" applyFill="1" applyBorder="1" applyAlignment="1">
      <alignment horizontal="center" vertical="center"/>
    </xf>
    <xf numFmtId="0" fontId="5" fillId="0" borderId="43" xfId="0" applyFont="1" applyFill="1" applyBorder="1" applyAlignment="1">
      <alignment horizontal="center" vertical="center"/>
    </xf>
    <xf numFmtId="176" fontId="0" fillId="0" borderId="34" xfId="0" applyNumberFormat="1" applyBorder="1" applyAlignment="1">
      <alignment horizontal="center" vertical="center"/>
    </xf>
    <xf numFmtId="176" fontId="0" fillId="0" borderId="42" xfId="0" applyNumberFormat="1" applyBorder="1" applyAlignment="1">
      <alignment horizontal="center" vertical="center"/>
    </xf>
    <xf numFmtId="0" fontId="5" fillId="0" borderId="35" xfId="0" applyFont="1" applyBorder="1" applyAlignment="1">
      <alignment horizontal="center" vertical="center"/>
    </xf>
    <xf numFmtId="0" fontId="5" fillId="0" borderId="43" xfId="0" applyFont="1" applyBorder="1" applyAlignment="1">
      <alignment horizontal="center" vertical="center"/>
    </xf>
    <xf numFmtId="0" fontId="0" fillId="0" borderId="0" xfId="0" applyBorder="1" applyAlignment="1">
      <alignment horizontal="left" wrapText="1"/>
    </xf>
    <xf numFmtId="176" fontId="0" fillId="0" borderId="58" xfId="0" applyNumberFormat="1" applyBorder="1" applyAlignment="1">
      <alignment horizontal="center" vertical="center"/>
    </xf>
    <xf numFmtId="0" fontId="5" fillId="0" borderId="57" xfId="0" applyFont="1" applyBorder="1" applyAlignment="1">
      <alignment horizontal="center" vertical="center"/>
    </xf>
    <xf numFmtId="0" fontId="5" fillId="0" borderId="51" xfId="0" applyFont="1" applyBorder="1" applyAlignment="1">
      <alignment horizontal="center" vertical="center"/>
    </xf>
    <xf numFmtId="0" fontId="5" fillId="0" borderId="65" xfId="0" applyFont="1" applyBorder="1" applyAlignment="1">
      <alignment horizontal="center" vertical="center"/>
    </xf>
    <xf numFmtId="38" fontId="1" fillId="0" borderId="66" xfId="1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56"/>
  <sheetViews>
    <sheetView tabSelected="1" view="pageBreakPreview" zoomScaleNormal="100" zoomScaleSheetLayoutView="100" workbookViewId="0">
      <pane xSplit="2" ySplit="5" topLeftCell="C45" activePane="bottomRight" state="frozen"/>
      <selection activeCell="J12" sqref="J12"/>
      <selection pane="topRight" activeCell="J12" sqref="J12"/>
      <selection pane="bottomLeft" activeCell="J12" sqref="J12"/>
      <selection pane="bottomRight" activeCell="L55" sqref="L55"/>
    </sheetView>
  </sheetViews>
  <sheetFormatPr defaultRowHeight="13.2" x14ac:dyDescent="0.2"/>
  <cols>
    <col min="1" max="3" width="8.109375" customWidth="1"/>
    <col min="4" max="4" width="9.33203125" customWidth="1"/>
    <col min="5" max="6" width="8.6640625" customWidth="1"/>
    <col min="7" max="7" width="9.33203125" customWidth="1"/>
    <col min="8" max="9" width="8.6640625" customWidth="1"/>
    <col min="10" max="10" width="9.33203125" customWidth="1"/>
    <col min="11" max="12" width="8.6640625" customWidth="1"/>
    <col min="13" max="13" width="9.33203125" customWidth="1"/>
    <col min="14" max="15" width="8.6640625" customWidth="1"/>
  </cols>
  <sheetData>
    <row r="1" spans="1:15" ht="21.75" customHeight="1" x14ac:dyDescent="0.25">
      <c r="A1" s="1" t="s">
        <v>0</v>
      </c>
    </row>
    <row r="2" spans="1:15" ht="13.5" customHeight="1" x14ac:dyDescent="0.2">
      <c r="B2" s="143" t="s">
        <v>1</v>
      </c>
      <c r="C2" s="143"/>
      <c r="D2" s="143"/>
      <c r="E2" s="143"/>
      <c r="F2" s="143"/>
      <c r="G2" s="143"/>
      <c r="H2" s="143"/>
      <c r="I2" s="143"/>
      <c r="J2" s="143"/>
      <c r="K2" s="143"/>
      <c r="L2" s="143"/>
      <c r="M2" s="143"/>
      <c r="N2" s="143"/>
      <c r="O2" s="143"/>
    </row>
    <row r="3" spans="1:15" ht="21.75" customHeight="1" thickBot="1" x14ac:dyDescent="0.25">
      <c r="K3" s="144" t="s">
        <v>2</v>
      </c>
      <c r="L3" s="144"/>
      <c r="M3" s="144"/>
      <c r="N3" s="144"/>
      <c r="O3" s="144"/>
    </row>
    <row r="4" spans="1:15" ht="20.100000000000001" customHeight="1" x14ac:dyDescent="0.2">
      <c r="A4" s="145" t="s">
        <v>3</v>
      </c>
      <c r="B4" s="147" t="s">
        <v>4</v>
      </c>
      <c r="C4" s="149" t="s">
        <v>5</v>
      </c>
      <c r="D4" s="151" t="s">
        <v>6</v>
      </c>
      <c r="E4" s="152"/>
      <c r="F4" s="153"/>
      <c r="G4" s="151" t="s">
        <v>7</v>
      </c>
      <c r="H4" s="152"/>
      <c r="I4" s="154"/>
      <c r="J4" s="151" t="s">
        <v>8</v>
      </c>
      <c r="K4" s="152"/>
      <c r="L4" s="153"/>
      <c r="M4" s="151" t="s">
        <v>9</v>
      </c>
      <c r="N4" s="152"/>
      <c r="O4" s="155"/>
    </row>
    <row r="5" spans="1:15" ht="20.100000000000001" customHeight="1" x14ac:dyDescent="0.2">
      <c r="A5" s="146"/>
      <c r="B5" s="148"/>
      <c r="C5" s="150"/>
      <c r="D5" s="2" t="s">
        <v>10</v>
      </c>
      <c r="E5" s="3" t="s">
        <v>11</v>
      </c>
      <c r="F5" s="4" t="s">
        <v>12</v>
      </c>
      <c r="G5" s="2" t="s">
        <v>10</v>
      </c>
      <c r="H5" s="3" t="s">
        <v>11</v>
      </c>
      <c r="I5" s="5" t="s">
        <v>12</v>
      </c>
      <c r="J5" s="2" t="s">
        <v>10</v>
      </c>
      <c r="K5" s="3" t="s">
        <v>11</v>
      </c>
      <c r="L5" s="6" t="s">
        <v>12</v>
      </c>
      <c r="M5" s="2" t="s">
        <v>10</v>
      </c>
      <c r="N5" s="3" t="s">
        <v>11</v>
      </c>
      <c r="O5" s="7" t="s">
        <v>12</v>
      </c>
    </row>
    <row r="6" spans="1:15" ht="21" customHeight="1" x14ac:dyDescent="0.2">
      <c r="A6" s="156">
        <v>1980</v>
      </c>
      <c r="B6" s="159" t="s">
        <v>13</v>
      </c>
      <c r="C6" s="8" t="s">
        <v>14</v>
      </c>
      <c r="D6" s="9">
        <v>1418</v>
      </c>
      <c r="E6" s="10">
        <v>726</v>
      </c>
      <c r="F6" s="11">
        <v>692</v>
      </c>
      <c r="G6" s="9">
        <v>189</v>
      </c>
      <c r="H6" s="10">
        <v>94</v>
      </c>
      <c r="I6" s="12">
        <v>95</v>
      </c>
      <c r="J6" s="9">
        <v>958</v>
      </c>
      <c r="K6" s="10">
        <v>470</v>
      </c>
      <c r="L6" s="11">
        <v>488</v>
      </c>
      <c r="M6" s="9">
        <v>271</v>
      </c>
      <c r="N6" s="10">
        <v>162</v>
      </c>
      <c r="O6" s="13">
        <v>109</v>
      </c>
    </row>
    <row r="7" spans="1:15" ht="21" customHeight="1" x14ac:dyDescent="0.2">
      <c r="A7" s="157"/>
      <c r="B7" s="160"/>
      <c r="C7" s="14" t="s">
        <v>15</v>
      </c>
      <c r="D7" s="15">
        <v>852</v>
      </c>
      <c r="E7" s="16">
        <v>433</v>
      </c>
      <c r="F7" s="17">
        <v>419</v>
      </c>
      <c r="G7" s="15">
        <v>142</v>
      </c>
      <c r="H7" s="16">
        <v>72</v>
      </c>
      <c r="I7" s="18">
        <v>70</v>
      </c>
      <c r="J7" s="15">
        <v>499</v>
      </c>
      <c r="K7" s="16">
        <v>242</v>
      </c>
      <c r="L7" s="17">
        <v>257</v>
      </c>
      <c r="M7" s="15">
        <v>211</v>
      </c>
      <c r="N7" s="16">
        <v>119</v>
      </c>
      <c r="O7" s="19">
        <v>92</v>
      </c>
    </row>
    <row r="8" spans="1:15" ht="21" customHeight="1" x14ac:dyDescent="0.2">
      <c r="A8" s="158"/>
      <c r="B8" s="161"/>
      <c r="C8" s="20" t="s">
        <v>16</v>
      </c>
      <c r="D8" s="21">
        <v>924</v>
      </c>
      <c r="E8" s="22">
        <v>406</v>
      </c>
      <c r="F8" s="23">
        <v>518</v>
      </c>
      <c r="G8" s="21">
        <v>104</v>
      </c>
      <c r="H8" s="22">
        <v>53</v>
      </c>
      <c r="I8" s="24">
        <v>51</v>
      </c>
      <c r="J8" s="21">
        <v>492</v>
      </c>
      <c r="K8" s="22">
        <v>205</v>
      </c>
      <c r="L8" s="23">
        <v>287</v>
      </c>
      <c r="M8" s="21">
        <v>328</v>
      </c>
      <c r="N8" s="22">
        <v>148</v>
      </c>
      <c r="O8" s="25">
        <v>180</v>
      </c>
    </row>
    <row r="9" spans="1:15" s="32" customFormat="1" ht="21" customHeight="1" x14ac:dyDescent="0.2">
      <c r="A9" s="162">
        <v>1981</v>
      </c>
      <c r="B9" s="165" t="s">
        <v>17</v>
      </c>
      <c r="C9" s="26" t="s">
        <v>14</v>
      </c>
      <c r="D9" s="27">
        <v>1472</v>
      </c>
      <c r="E9" s="28">
        <v>726</v>
      </c>
      <c r="F9" s="29">
        <v>746</v>
      </c>
      <c r="G9" s="27">
        <v>189</v>
      </c>
      <c r="H9" s="28">
        <v>99</v>
      </c>
      <c r="I9" s="30">
        <v>90</v>
      </c>
      <c r="J9" s="27">
        <v>971</v>
      </c>
      <c r="K9" s="28">
        <v>455</v>
      </c>
      <c r="L9" s="29">
        <v>516</v>
      </c>
      <c r="M9" s="27">
        <v>312</v>
      </c>
      <c r="N9" s="28">
        <v>172</v>
      </c>
      <c r="O9" s="31">
        <v>140</v>
      </c>
    </row>
    <row r="10" spans="1:15" s="32" customFormat="1" ht="21" customHeight="1" x14ac:dyDescent="0.2">
      <c r="A10" s="163"/>
      <c r="B10" s="166"/>
      <c r="C10" s="33" t="s">
        <v>15</v>
      </c>
      <c r="D10" s="34">
        <v>782</v>
      </c>
      <c r="E10" s="35">
        <v>397</v>
      </c>
      <c r="F10" s="36">
        <v>385</v>
      </c>
      <c r="G10" s="34">
        <v>111</v>
      </c>
      <c r="H10" s="35">
        <v>56</v>
      </c>
      <c r="I10" s="37">
        <v>55</v>
      </c>
      <c r="J10" s="34">
        <v>486</v>
      </c>
      <c r="K10" s="35">
        <v>237</v>
      </c>
      <c r="L10" s="36">
        <v>249</v>
      </c>
      <c r="M10" s="34">
        <v>185</v>
      </c>
      <c r="N10" s="35">
        <v>104</v>
      </c>
      <c r="O10" s="38">
        <v>81</v>
      </c>
    </row>
    <row r="11" spans="1:15" s="32" customFormat="1" ht="21" customHeight="1" x14ac:dyDescent="0.2">
      <c r="A11" s="164"/>
      <c r="B11" s="167"/>
      <c r="C11" s="39" t="s">
        <v>16</v>
      </c>
      <c r="D11" s="40">
        <v>822</v>
      </c>
      <c r="E11" s="41">
        <v>368</v>
      </c>
      <c r="F11" s="42">
        <v>454</v>
      </c>
      <c r="G11" s="40">
        <v>51</v>
      </c>
      <c r="H11" s="41">
        <v>31</v>
      </c>
      <c r="I11" s="43">
        <v>20</v>
      </c>
      <c r="J11" s="40">
        <v>456</v>
      </c>
      <c r="K11" s="44">
        <v>194</v>
      </c>
      <c r="L11" s="42">
        <v>262</v>
      </c>
      <c r="M11" s="40">
        <v>315</v>
      </c>
      <c r="N11" s="41">
        <v>143</v>
      </c>
      <c r="O11" s="45">
        <v>172</v>
      </c>
    </row>
    <row r="12" spans="1:15" s="32" customFormat="1" ht="21" customHeight="1" x14ac:dyDescent="0.2">
      <c r="A12" s="156">
        <v>1982</v>
      </c>
      <c r="B12" s="159" t="s">
        <v>18</v>
      </c>
      <c r="C12" s="46" t="s">
        <v>14</v>
      </c>
      <c r="D12" s="47">
        <v>1543</v>
      </c>
      <c r="E12" s="48">
        <v>769</v>
      </c>
      <c r="F12" s="49">
        <v>774</v>
      </c>
      <c r="G12" s="47">
        <v>210</v>
      </c>
      <c r="H12" s="48">
        <v>101</v>
      </c>
      <c r="I12" s="50">
        <v>109</v>
      </c>
      <c r="J12" s="47">
        <v>980</v>
      </c>
      <c r="K12" s="48">
        <v>476</v>
      </c>
      <c r="L12" s="51">
        <v>504</v>
      </c>
      <c r="M12" s="47">
        <v>353</v>
      </c>
      <c r="N12" s="48">
        <v>192</v>
      </c>
      <c r="O12" s="52">
        <v>161</v>
      </c>
    </row>
    <row r="13" spans="1:15" ht="21" customHeight="1" x14ac:dyDescent="0.2">
      <c r="A13" s="157"/>
      <c r="B13" s="160"/>
      <c r="C13" s="14" t="s">
        <v>15</v>
      </c>
      <c r="D13" s="15">
        <v>812</v>
      </c>
      <c r="E13" s="53">
        <v>408</v>
      </c>
      <c r="F13" s="54">
        <v>404</v>
      </c>
      <c r="G13" s="15">
        <v>122</v>
      </c>
      <c r="H13" s="53">
        <v>62</v>
      </c>
      <c r="I13" s="55">
        <v>60</v>
      </c>
      <c r="J13" s="15">
        <v>483</v>
      </c>
      <c r="K13" s="53">
        <v>238</v>
      </c>
      <c r="L13" s="56">
        <v>245</v>
      </c>
      <c r="M13" s="15">
        <v>207</v>
      </c>
      <c r="N13" s="53">
        <v>108</v>
      </c>
      <c r="O13" s="57">
        <v>99</v>
      </c>
    </row>
    <row r="14" spans="1:15" ht="21" customHeight="1" x14ac:dyDescent="0.2">
      <c r="A14" s="158"/>
      <c r="B14" s="161"/>
      <c r="C14" s="20" t="s">
        <v>16</v>
      </c>
      <c r="D14" s="21">
        <v>882</v>
      </c>
      <c r="E14" s="58">
        <v>402</v>
      </c>
      <c r="F14" s="59">
        <v>480</v>
      </c>
      <c r="G14" s="21">
        <v>80</v>
      </c>
      <c r="H14" s="58">
        <v>49</v>
      </c>
      <c r="I14" s="60">
        <v>31</v>
      </c>
      <c r="J14" s="21">
        <v>460</v>
      </c>
      <c r="K14" s="58">
        <v>203</v>
      </c>
      <c r="L14" s="59">
        <v>257</v>
      </c>
      <c r="M14" s="21">
        <v>342</v>
      </c>
      <c r="N14" s="58">
        <v>150</v>
      </c>
      <c r="O14" s="61">
        <v>192</v>
      </c>
    </row>
    <row r="15" spans="1:15" ht="21" customHeight="1" x14ac:dyDescent="0.2">
      <c r="A15" s="168">
        <v>1983</v>
      </c>
      <c r="B15" s="170" t="s">
        <v>19</v>
      </c>
      <c r="C15" s="62" t="s">
        <v>14</v>
      </c>
      <c r="D15" s="63">
        <v>1476</v>
      </c>
      <c r="E15" s="64">
        <v>741</v>
      </c>
      <c r="F15" s="65">
        <v>735</v>
      </c>
      <c r="G15" s="63">
        <v>181</v>
      </c>
      <c r="H15" s="64">
        <v>102</v>
      </c>
      <c r="I15" s="66">
        <v>79</v>
      </c>
      <c r="J15" s="63">
        <v>954</v>
      </c>
      <c r="K15" s="64">
        <v>459</v>
      </c>
      <c r="L15" s="65">
        <v>495</v>
      </c>
      <c r="M15" s="63">
        <v>341</v>
      </c>
      <c r="N15" s="64">
        <v>180</v>
      </c>
      <c r="O15" s="67">
        <v>161</v>
      </c>
    </row>
    <row r="16" spans="1:15" ht="21" customHeight="1" x14ac:dyDescent="0.2">
      <c r="A16" s="157"/>
      <c r="B16" s="160"/>
      <c r="C16" s="14" t="s">
        <v>15</v>
      </c>
      <c r="D16" s="15">
        <v>815</v>
      </c>
      <c r="E16" s="53">
        <v>410</v>
      </c>
      <c r="F16" s="56">
        <v>405</v>
      </c>
      <c r="G16" s="15">
        <v>114</v>
      </c>
      <c r="H16" s="53">
        <v>59</v>
      </c>
      <c r="I16" s="55">
        <v>55</v>
      </c>
      <c r="J16" s="15">
        <v>475</v>
      </c>
      <c r="K16" s="53">
        <v>229</v>
      </c>
      <c r="L16" s="56">
        <v>246</v>
      </c>
      <c r="M16" s="15">
        <v>226</v>
      </c>
      <c r="N16" s="53">
        <v>122</v>
      </c>
      <c r="O16" s="57">
        <v>104</v>
      </c>
    </row>
    <row r="17" spans="1:15" ht="21" customHeight="1" x14ac:dyDescent="0.2">
      <c r="A17" s="169"/>
      <c r="B17" s="171"/>
      <c r="C17" s="68" t="s">
        <v>16</v>
      </c>
      <c r="D17" s="69">
        <v>887</v>
      </c>
      <c r="E17" s="70">
        <v>401</v>
      </c>
      <c r="F17" s="71">
        <v>486</v>
      </c>
      <c r="G17" s="69">
        <v>87</v>
      </c>
      <c r="H17" s="70">
        <v>52</v>
      </c>
      <c r="I17" s="72">
        <v>35</v>
      </c>
      <c r="J17" s="69">
        <v>451</v>
      </c>
      <c r="K17" s="70">
        <v>201</v>
      </c>
      <c r="L17" s="71">
        <v>250</v>
      </c>
      <c r="M17" s="69">
        <v>349</v>
      </c>
      <c r="N17" s="70">
        <v>148</v>
      </c>
      <c r="O17" s="73">
        <v>201</v>
      </c>
    </row>
    <row r="18" spans="1:15" ht="21" customHeight="1" x14ac:dyDescent="0.2">
      <c r="A18" s="156">
        <v>1984</v>
      </c>
      <c r="B18" s="159" t="s">
        <v>20</v>
      </c>
      <c r="C18" s="8" t="s">
        <v>14</v>
      </c>
      <c r="D18" s="9">
        <v>1464</v>
      </c>
      <c r="E18" s="10">
        <v>732</v>
      </c>
      <c r="F18" s="74">
        <v>732</v>
      </c>
      <c r="G18" s="9">
        <v>173</v>
      </c>
      <c r="H18" s="10">
        <v>92</v>
      </c>
      <c r="I18" s="74">
        <v>81</v>
      </c>
      <c r="J18" s="9">
        <v>914</v>
      </c>
      <c r="K18" s="10">
        <v>438</v>
      </c>
      <c r="L18" s="75">
        <v>476</v>
      </c>
      <c r="M18" s="9">
        <v>377</v>
      </c>
      <c r="N18" s="10">
        <v>202</v>
      </c>
      <c r="O18" s="76">
        <v>175</v>
      </c>
    </row>
    <row r="19" spans="1:15" ht="21" customHeight="1" x14ac:dyDescent="0.2">
      <c r="A19" s="157"/>
      <c r="B19" s="160"/>
      <c r="C19" s="14" t="s">
        <v>15</v>
      </c>
      <c r="D19" s="15">
        <v>824</v>
      </c>
      <c r="E19" s="53">
        <v>417</v>
      </c>
      <c r="F19" s="55">
        <v>407</v>
      </c>
      <c r="G19" s="15">
        <v>106</v>
      </c>
      <c r="H19" s="53">
        <v>53</v>
      </c>
      <c r="I19" s="55">
        <v>53</v>
      </c>
      <c r="J19" s="15">
        <v>482</v>
      </c>
      <c r="K19" s="53">
        <v>242</v>
      </c>
      <c r="L19" s="56">
        <v>240</v>
      </c>
      <c r="M19" s="15">
        <v>236</v>
      </c>
      <c r="N19" s="53">
        <v>122</v>
      </c>
      <c r="O19" s="57">
        <v>114</v>
      </c>
    </row>
    <row r="20" spans="1:15" ht="21" customHeight="1" x14ac:dyDescent="0.2">
      <c r="A20" s="158"/>
      <c r="B20" s="161"/>
      <c r="C20" s="20" t="s">
        <v>16</v>
      </c>
      <c r="D20" s="21">
        <v>878</v>
      </c>
      <c r="E20" s="58">
        <v>408</v>
      </c>
      <c r="F20" s="60">
        <v>470</v>
      </c>
      <c r="G20" s="21">
        <v>90</v>
      </c>
      <c r="H20" s="58">
        <v>54</v>
      </c>
      <c r="I20" s="60">
        <v>36</v>
      </c>
      <c r="J20" s="21">
        <v>438</v>
      </c>
      <c r="K20" s="58">
        <v>201</v>
      </c>
      <c r="L20" s="59">
        <v>237</v>
      </c>
      <c r="M20" s="21">
        <v>350</v>
      </c>
      <c r="N20" s="58">
        <v>153</v>
      </c>
      <c r="O20" s="61">
        <v>197</v>
      </c>
    </row>
    <row r="21" spans="1:15" ht="21" customHeight="1" x14ac:dyDescent="0.2">
      <c r="A21" s="168">
        <v>1985</v>
      </c>
      <c r="B21" s="170" t="s">
        <v>21</v>
      </c>
      <c r="C21" s="62" t="s">
        <v>14</v>
      </c>
      <c r="D21" s="63">
        <v>1349</v>
      </c>
      <c r="E21" s="64">
        <v>680</v>
      </c>
      <c r="F21" s="65">
        <v>669</v>
      </c>
      <c r="G21" s="63">
        <v>125</v>
      </c>
      <c r="H21" s="64">
        <v>70</v>
      </c>
      <c r="I21" s="66">
        <v>55</v>
      </c>
      <c r="J21" s="63">
        <v>858</v>
      </c>
      <c r="K21" s="64">
        <v>413</v>
      </c>
      <c r="L21" s="65">
        <v>445</v>
      </c>
      <c r="M21" s="63">
        <v>366</v>
      </c>
      <c r="N21" s="64">
        <v>197</v>
      </c>
      <c r="O21" s="67">
        <v>169</v>
      </c>
    </row>
    <row r="22" spans="1:15" ht="21" customHeight="1" x14ac:dyDescent="0.2">
      <c r="A22" s="157"/>
      <c r="B22" s="160"/>
      <c r="C22" s="14" t="s">
        <v>15</v>
      </c>
      <c r="D22" s="15">
        <v>772</v>
      </c>
      <c r="E22" s="53">
        <v>392</v>
      </c>
      <c r="F22" s="56">
        <v>380</v>
      </c>
      <c r="G22" s="15">
        <v>90</v>
      </c>
      <c r="H22" s="53">
        <v>47</v>
      </c>
      <c r="I22" s="55">
        <v>43</v>
      </c>
      <c r="J22" s="15">
        <v>443</v>
      </c>
      <c r="K22" s="53">
        <v>223</v>
      </c>
      <c r="L22" s="56">
        <v>220</v>
      </c>
      <c r="M22" s="15">
        <v>239</v>
      </c>
      <c r="N22" s="53">
        <v>122</v>
      </c>
      <c r="O22" s="57">
        <v>117</v>
      </c>
    </row>
    <row r="23" spans="1:15" ht="21" customHeight="1" x14ac:dyDescent="0.2">
      <c r="A23" s="169"/>
      <c r="B23" s="171"/>
      <c r="C23" s="68" t="s">
        <v>16</v>
      </c>
      <c r="D23" s="69">
        <v>803</v>
      </c>
      <c r="E23" s="70">
        <v>370</v>
      </c>
      <c r="F23" s="71">
        <v>433</v>
      </c>
      <c r="G23" s="69">
        <v>76</v>
      </c>
      <c r="H23" s="70">
        <v>46</v>
      </c>
      <c r="I23" s="72">
        <v>30</v>
      </c>
      <c r="J23" s="69">
        <v>412</v>
      </c>
      <c r="K23" s="70">
        <v>183</v>
      </c>
      <c r="L23" s="71">
        <v>229</v>
      </c>
      <c r="M23" s="69">
        <v>315</v>
      </c>
      <c r="N23" s="70">
        <v>141</v>
      </c>
      <c r="O23" s="73">
        <v>174</v>
      </c>
    </row>
    <row r="24" spans="1:15" ht="21" customHeight="1" x14ac:dyDescent="0.2">
      <c r="A24" s="156">
        <v>1988</v>
      </c>
      <c r="B24" s="159" t="s">
        <v>22</v>
      </c>
      <c r="C24" s="8" t="s">
        <v>14</v>
      </c>
      <c r="D24" s="9">
        <v>1429</v>
      </c>
      <c r="E24" s="10">
        <v>729</v>
      </c>
      <c r="F24" s="75">
        <v>700</v>
      </c>
      <c r="G24" s="9">
        <v>167</v>
      </c>
      <c r="H24" s="10">
        <v>99</v>
      </c>
      <c r="I24" s="74">
        <v>68</v>
      </c>
      <c r="J24" s="9">
        <v>798</v>
      </c>
      <c r="K24" s="10">
        <v>388</v>
      </c>
      <c r="L24" s="75">
        <v>410</v>
      </c>
      <c r="M24" s="9">
        <v>464</v>
      </c>
      <c r="N24" s="10">
        <v>242</v>
      </c>
      <c r="O24" s="76">
        <v>222</v>
      </c>
    </row>
    <row r="25" spans="1:15" ht="21" customHeight="1" x14ac:dyDescent="0.2">
      <c r="A25" s="157"/>
      <c r="B25" s="160"/>
      <c r="C25" s="14" t="s">
        <v>15</v>
      </c>
      <c r="D25" s="15">
        <v>725</v>
      </c>
      <c r="E25" s="53">
        <v>364</v>
      </c>
      <c r="F25" s="56">
        <v>361</v>
      </c>
      <c r="G25" s="15">
        <v>107</v>
      </c>
      <c r="H25" s="53">
        <v>53</v>
      </c>
      <c r="I25" s="55">
        <v>54</v>
      </c>
      <c r="J25" s="15">
        <v>389</v>
      </c>
      <c r="K25" s="53">
        <v>191</v>
      </c>
      <c r="L25" s="56">
        <v>198</v>
      </c>
      <c r="M25" s="15">
        <v>229</v>
      </c>
      <c r="N25" s="53">
        <v>120</v>
      </c>
      <c r="O25" s="57">
        <v>109</v>
      </c>
    </row>
    <row r="26" spans="1:15" ht="21" customHeight="1" x14ac:dyDescent="0.2">
      <c r="A26" s="158"/>
      <c r="B26" s="161"/>
      <c r="C26" s="20" t="s">
        <v>16</v>
      </c>
      <c r="D26" s="21">
        <v>804</v>
      </c>
      <c r="E26" s="58">
        <v>372</v>
      </c>
      <c r="F26" s="59">
        <v>432</v>
      </c>
      <c r="G26" s="21">
        <v>70</v>
      </c>
      <c r="H26" s="58">
        <v>36</v>
      </c>
      <c r="I26" s="60">
        <v>34</v>
      </c>
      <c r="J26" s="21">
        <v>362</v>
      </c>
      <c r="K26" s="58">
        <v>164</v>
      </c>
      <c r="L26" s="59">
        <v>198</v>
      </c>
      <c r="M26" s="21">
        <v>372</v>
      </c>
      <c r="N26" s="58">
        <v>172</v>
      </c>
      <c r="O26" s="61">
        <v>200</v>
      </c>
    </row>
    <row r="27" spans="1:15" ht="21" customHeight="1" x14ac:dyDescent="0.2">
      <c r="A27" s="168">
        <v>1990</v>
      </c>
      <c r="B27" s="170" t="s">
        <v>23</v>
      </c>
      <c r="C27" s="62" t="s">
        <v>14</v>
      </c>
      <c r="D27" s="63">
        <v>1192</v>
      </c>
      <c r="E27" s="64">
        <v>614</v>
      </c>
      <c r="F27" s="65">
        <v>578</v>
      </c>
      <c r="G27" s="63">
        <v>106</v>
      </c>
      <c r="H27" s="64">
        <v>67</v>
      </c>
      <c r="I27" s="66">
        <v>39</v>
      </c>
      <c r="J27" s="63">
        <v>700</v>
      </c>
      <c r="K27" s="64">
        <v>336</v>
      </c>
      <c r="L27" s="65">
        <v>364</v>
      </c>
      <c r="M27" s="63">
        <v>386</v>
      </c>
      <c r="N27" s="64">
        <v>211</v>
      </c>
      <c r="O27" s="67">
        <v>175</v>
      </c>
    </row>
    <row r="28" spans="1:15" ht="21" customHeight="1" x14ac:dyDescent="0.2">
      <c r="A28" s="157"/>
      <c r="B28" s="160"/>
      <c r="C28" s="14" t="s">
        <v>15</v>
      </c>
      <c r="D28" s="15">
        <v>635</v>
      </c>
      <c r="E28" s="53">
        <v>321</v>
      </c>
      <c r="F28" s="56">
        <v>314</v>
      </c>
      <c r="G28" s="15">
        <v>84</v>
      </c>
      <c r="H28" s="53">
        <v>51</v>
      </c>
      <c r="I28" s="55">
        <v>33</v>
      </c>
      <c r="J28" s="15">
        <v>340</v>
      </c>
      <c r="K28" s="53">
        <v>163</v>
      </c>
      <c r="L28" s="56">
        <v>177</v>
      </c>
      <c r="M28" s="15">
        <v>211</v>
      </c>
      <c r="N28" s="53">
        <v>107</v>
      </c>
      <c r="O28" s="57">
        <v>104</v>
      </c>
    </row>
    <row r="29" spans="1:15" ht="21" customHeight="1" x14ac:dyDescent="0.2">
      <c r="A29" s="169"/>
      <c r="B29" s="171"/>
      <c r="C29" s="68" t="s">
        <v>16</v>
      </c>
      <c r="D29" s="77">
        <v>643</v>
      </c>
      <c r="E29" s="78">
        <v>299</v>
      </c>
      <c r="F29" s="79">
        <v>344</v>
      </c>
      <c r="G29" s="69">
        <v>42</v>
      </c>
      <c r="H29" s="70">
        <v>24</v>
      </c>
      <c r="I29" s="72">
        <v>18</v>
      </c>
      <c r="J29" s="69">
        <v>288</v>
      </c>
      <c r="K29" s="70">
        <v>131</v>
      </c>
      <c r="L29" s="71">
        <v>157</v>
      </c>
      <c r="M29" s="69">
        <v>313</v>
      </c>
      <c r="N29" s="70">
        <v>144</v>
      </c>
      <c r="O29" s="73">
        <v>169</v>
      </c>
    </row>
    <row r="30" spans="1:15" ht="21" customHeight="1" x14ac:dyDescent="0.2">
      <c r="A30" s="156">
        <v>1993</v>
      </c>
      <c r="B30" s="159" t="s">
        <v>24</v>
      </c>
      <c r="C30" s="8" t="s">
        <v>14</v>
      </c>
      <c r="D30" s="80">
        <v>1156</v>
      </c>
      <c r="E30" s="81">
        <v>586</v>
      </c>
      <c r="F30" s="82">
        <v>570</v>
      </c>
      <c r="G30" s="9">
        <v>120</v>
      </c>
      <c r="H30" s="10">
        <v>73</v>
      </c>
      <c r="I30" s="74">
        <v>47</v>
      </c>
      <c r="J30" s="9">
        <v>589</v>
      </c>
      <c r="K30" s="10">
        <v>279</v>
      </c>
      <c r="L30" s="75">
        <v>310</v>
      </c>
      <c r="M30" s="9">
        <v>447</v>
      </c>
      <c r="N30" s="10">
        <v>234</v>
      </c>
      <c r="O30" s="76">
        <v>213</v>
      </c>
    </row>
    <row r="31" spans="1:15" ht="21" customHeight="1" x14ac:dyDescent="0.2">
      <c r="A31" s="157"/>
      <c r="B31" s="160"/>
      <c r="C31" s="14" t="s">
        <v>15</v>
      </c>
      <c r="D31" s="83">
        <v>596</v>
      </c>
      <c r="E31" s="83">
        <v>307</v>
      </c>
      <c r="F31" s="84">
        <v>289</v>
      </c>
      <c r="G31" s="85">
        <v>67</v>
      </c>
      <c r="H31" s="86" t="s">
        <v>25</v>
      </c>
      <c r="I31" s="87" t="s">
        <v>25</v>
      </c>
      <c r="J31" s="85">
        <v>306</v>
      </c>
      <c r="K31" s="86" t="s">
        <v>25</v>
      </c>
      <c r="L31" s="88" t="s">
        <v>25</v>
      </c>
      <c r="M31" s="85">
        <v>223</v>
      </c>
      <c r="N31" s="86" t="s">
        <v>25</v>
      </c>
      <c r="O31" s="89" t="s">
        <v>25</v>
      </c>
    </row>
    <row r="32" spans="1:15" ht="21" customHeight="1" x14ac:dyDescent="0.2">
      <c r="A32" s="158"/>
      <c r="B32" s="161"/>
      <c r="C32" s="20" t="s">
        <v>16</v>
      </c>
      <c r="D32" s="90">
        <v>550</v>
      </c>
      <c r="E32" s="90">
        <v>251</v>
      </c>
      <c r="F32" s="91">
        <v>299</v>
      </c>
      <c r="G32" s="92">
        <v>31</v>
      </c>
      <c r="H32" s="93" t="s">
        <v>25</v>
      </c>
      <c r="I32" s="94" t="s">
        <v>25</v>
      </c>
      <c r="J32" s="92">
        <v>228</v>
      </c>
      <c r="K32" s="93" t="s">
        <v>25</v>
      </c>
      <c r="L32" s="95" t="s">
        <v>25</v>
      </c>
      <c r="M32" s="92">
        <v>291</v>
      </c>
      <c r="N32" s="93" t="s">
        <v>25</v>
      </c>
      <c r="O32" s="96" t="s">
        <v>25</v>
      </c>
    </row>
    <row r="33" spans="1:15" ht="21" customHeight="1" x14ac:dyDescent="0.2">
      <c r="A33" s="168">
        <v>1995</v>
      </c>
      <c r="B33" s="170" t="s">
        <v>26</v>
      </c>
      <c r="C33" s="62" t="s">
        <v>14</v>
      </c>
      <c r="D33" s="97">
        <v>1013</v>
      </c>
      <c r="E33" s="98">
        <v>535</v>
      </c>
      <c r="F33" s="99">
        <v>478</v>
      </c>
      <c r="G33" s="63">
        <v>63</v>
      </c>
      <c r="H33" s="64">
        <v>43</v>
      </c>
      <c r="I33" s="66">
        <v>20</v>
      </c>
      <c r="J33" s="63">
        <v>533</v>
      </c>
      <c r="K33" s="64">
        <v>257</v>
      </c>
      <c r="L33" s="65">
        <v>276</v>
      </c>
      <c r="M33" s="63">
        <v>417</v>
      </c>
      <c r="N33" s="64">
        <v>235</v>
      </c>
      <c r="O33" s="67">
        <v>182</v>
      </c>
    </row>
    <row r="34" spans="1:15" ht="21" customHeight="1" x14ac:dyDescent="0.2">
      <c r="A34" s="157"/>
      <c r="B34" s="160"/>
      <c r="C34" s="14" t="s">
        <v>15</v>
      </c>
      <c r="D34" s="85">
        <v>534</v>
      </c>
      <c r="E34" s="83">
        <v>285</v>
      </c>
      <c r="F34" s="84">
        <v>249</v>
      </c>
      <c r="G34" s="15">
        <v>55</v>
      </c>
      <c r="H34" s="53">
        <v>44</v>
      </c>
      <c r="I34" s="55">
        <v>11</v>
      </c>
      <c r="J34" s="15">
        <v>282</v>
      </c>
      <c r="K34" s="53">
        <v>136</v>
      </c>
      <c r="L34" s="56">
        <v>146</v>
      </c>
      <c r="M34" s="15">
        <v>197</v>
      </c>
      <c r="N34" s="53">
        <v>105</v>
      </c>
      <c r="O34" s="57">
        <v>92</v>
      </c>
    </row>
    <row r="35" spans="1:15" ht="21" customHeight="1" x14ac:dyDescent="0.2">
      <c r="A35" s="169"/>
      <c r="B35" s="171"/>
      <c r="C35" s="68" t="s">
        <v>16</v>
      </c>
      <c r="D35" s="77">
        <v>540</v>
      </c>
      <c r="E35" s="78">
        <v>259</v>
      </c>
      <c r="F35" s="79">
        <v>281</v>
      </c>
      <c r="G35" s="69">
        <v>32</v>
      </c>
      <c r="H35" s="70">
        <v>16</v>
      </c>
      <c r="I35" s="72">
        <v>16</v>
      </c>
      <c r="J35" s="69">
        <v>208</v>
      </c>
      <c r="K35" s="70">
        <v>97</v>
      </c>
      <c r="L35" s="71">
        <v>111</v>
      </c>
      <c r="M35" s="69">
        <v>300</v>
      </c>
      <c r="N35" s="70">
        <v>146</v>
      </c>
      <c r="O35" s="73">
        <v>154</v>
      </c>
    </row>
    <row r="36" spans="1:15" ht="21" customHeight="1" x14ac:dyDescent="0.2">
      <c r="A36" s="156">
        <v>1998</v>
      </c>
      <c r="B36" s="159" t="s">
        <v>27</v>
      </c>
      <c r="C36" s="8" t="s">
        <v>28</v>
      </c>
      <c r="D36" s="80">
        <v>950</v>
      </c>
      <c r="E36" s="81">
        <v>481</v>
      </c>
      <c r="F36" s="82">
        <v>469</v>
      </c>
      <c r="G36" s="9">
        <v>75</v>
      </c>
      <c r="H36" s="10">
        <v>45</v>
      </c>
      <c r="I36" s="74">
        <v>30</v>
      </c>
      <c r="J36" s="9">
        <v>449</v>
      </c>
      <c r="K36" s="10">
        <v>215</v>
      </c>
      <c r="L36" s="75">
        <v>234</v>
      </c>
      <c r="M36" s="9">
        <v>426</v>
      </c>
      <c r="N36" s="10">
        <v>221</v>
      </c>
      <c r="O36" s="76">
        <v>205</v>
      </c>
    </row>
    <row r="37" spans="1:15" ht="21" customHeight="1" x14ac:dyDescent="0.2">
      <c r="A37" s="157"/>
      <c r="B37" s="160"/>
      <c r="C37" s="14" t="s">
        <v>15</v>
      </c>
      <c r="D37" s="83">
        <v>490</v>
      </c>
      <c r="E37" s="83">
        <v>251</v>
      </c>
      <c r="F37" s="84">
        <v>239</v>
      </c>
      <c r="G37" s="85">
        <v>44</v>
      </c>
      <c r="H37" s="86" t="s">
        <v>25</v>
      </c>
      <c r="I37" s="87" t="s">
        <v>25</v>
      </c>
      <c r="J37" s="85">
        <v>246</v>
      </c>
      <c r="K37" s="86" t="s">
        <v>25</v>
      </c>
      <c r="L37" s="88" t="s">
        <v>25</v>
      </c>
      <c r="M37" s="85">
        <v>200</v>
      </c>
      <c r="N37" s="86" t="s">
        <v>25</v>
      </c>
      <c r="O37" s="89" t="s">
        <v>25</v>
      </c>
    </row>
    <row r="38" spans="1:15" ht="21" customHeight="1" x14ac:dyDescent="0.2">
      <c r="A38" s="158"/>
      <c r="B38" s="161"/>
      <c r="C38" s="20" t="s">
        <v>16</v>
      </c>
      <c r="D38" s="90">
        <v>464</v>
      </c>
      <c r="E38" s="90">
        <v>222</v>
      </c>
      <c r="F38" s="91">
        <v>242</v>
      </c>
      <c r="G38" s="92">
        <v>25</v>
      </c>
      <c r="H38" s="93" t="s">
        <v>25</v>
      </c>
      <c r="I38" s="94" t="s">
        <v>25</v>
      </c>
      <c r="J38" s="92">
        <v>171</v>
      </c>
      <c r="K38" s="93" t="s">
        <v>25</v>
      </c>
      <c r="L38" s="95" t="s">
        <v>25</v>
      </c>
      <c r="M38" s="92">
        <v>268</v>
      </c>
      <c r="N38" s="93" t="s">
        <v>25</v>
      </c>
      <c r="O38" s="96" t="s">
        <v>25</v>
      </c>
    </row>
    <row r="39" spans="1:15" ht="21" customHeight="1" x14ac:dyDescent="0.2">
      <c r="A39" s="168">
        <v>2000</v>
      </c>
      <c r="B39" s="170" t="s">
        <v>29</v>
      </c>
      <c r="C39" s="62" t="s">
        <v>28</v>
      </c>
      <c r="D39" s="97">
        <v>953</v>
      </c>
      <c r="E39" s="98">
        <v>479</v>
      </c>
      <c r="F39" s="99">
        <v>474</v>
      </c>
      <c r="G39" s="63">
        <v>82</v>
      </c>
      <c r="H39" s="64">
        <v>51</v>
      </c>
      <c r="I39" s="66">
        <v>31</v>
      </c>
      <c r="J39" s="63">
        <v>417</v>
      </c>
      <c r="K39" s="64">
        <v>196</v>
      </c>
      <c r="L39" s="65">
        <v>221</v>
      </c>
      <c r="M39" s="63">
        <v>454</v>
      </c>
      <c r="N39" s="64">
        <v>232</v>
      </c>
      <c r="O39" s="67">
        <v>222</v>
      </c>
    </row>
    <row r="40" spans="1:15" ht="21" customHeight="1" x14ac:dyDescent="0.2">
      <c r="A40" s="157"/>
      <c r="B40" s="160"/>
      <c r="C40" s="14" t="s">
        <v>15</v>
      </c>
      <c r="D40" s="85">
        <v>472</v>
      </c>
      <c r="E40" s="83">
        <v>247</v>
      </c>
      <c r="F40" s="84">
        <v>225</v>
      </c>
      <c r="G40" s="15">
        <v>54</v>
      </c>
      <c r="H40" s="53">
        <v>39</v>
      </c>
      <c r="I40" s="55">
        <v>15</v>
      </c>
      <c r="J40" s="15">
        <v>222</v>
      </c>
      <c r="K40" s="53">
        <v>109</v>
      </c>
      <c r="L40" s="56">
        <v>113</v>
      </c>
      <c r="M40" s="15">
        <v>196</v>
      </c>
      <c r="N40" s="53">
        <v>99</v>
      </c>
      <c r="O40" s="57">
        <v>97</v>
      </c>
    </row>
    <row r="41" spans="1:15" ht="21" customHeight="1" x14ac:dyDescent="0.2">
      <c r="A41" s="169"/>
      <c r="B41" s="171"/>
      <c r="C41" s="68" t="s">
        <v>16</v>
      </c>
      <c r="D41" s="77">
        <v>418</v>
      </c>
      <c r="E41" s="78">
        <v>208</v>
      </c>
      <c r="F41" s="79">
        <v>210</v>
      </c>
      <c r="G41" s="69">
        <v>27</v>
      </c>
      <c r="H41" s="70">
        <v>21</v>
      </c>
      <c r="I41" s="72">
        <v>6</v>
      </c>
      <c r="J41" s="69">
        <v>151</v>
      </c>
      <c r="K41" s="70">
        <v>69</v>
      </c>
      <c r="L41" s="71">
        <v>82</v>
      </c>
      <c r="M41" s="69">
        <v>240</v>
      </c>
      <c r="N41" s="70">
        <v>118</v>
      </c>
      <c r="O41" s="73">
        <v>122</v>
      </c>
    </row>
    <row r="42" spans="1:15" ht="21" customHeight="1" x14ac:dyDescent="0.2">
      <c r="A42" s="156">
        <v>2005</v>
      </c>
      <c r="B42" s="159" t="s">
        <v>30</v>
      </c>
      <c r="C42" s="8" t="s">
        <v>28</v>
      </c>
      <c r="D42" s="80">
        <v>646</v>
      </c>
      <c r="E42" s="81">
        <v>349</v>
      </c>
      <c r="F42" s="100">
        <v>297</v>
      </c>
      <c r="G42" s="9">
        <v>41</v>
      </c>
      <c r="H42" s="10">
        <v>31</v>
      </c>
      <c r="I42" s="101">
        <v>10</v>
      </c>
      <c r="J42" s="9">
        <v>268</v>
      </c>
      <c r="K42" s="102">
        <v>144</v>
      </c>
      <c r="L42" s="103">
        <v>124</v>
      </c>
      <c r="M42" s="9">
        <v>337</v>
      </c>
      <c r="N42" s="102">
        <v>174</v>
      </c>
      <c r="O42" s="104">
        <v>163</v>
      </c>
    </row>
    <row r="43" spans="1:15" ht="21" customHeight="1" x14ac:dyDescent="0.2">
      <c r="A43" s="157"/>
      <c r="B43" s="160"/>
      <c r="C43" s="14" t="s">
        <v>15</v>
      </c>
      <c r="D43" s="105">
        <v>330</v>
      </c>
      <c r="E43" s="106">
        <v>174</v>
      </c>
      <c r="F43" s="107">
        <v>156</v>
      </c>
      <c r="G43" s="15">
        <v>27</v>
      </c>
      <c r="H43" s="35">
        <v>18</v>
      </c>
      <c r="I43" s="108">
        <v>9</v>
      </c>
      <c r="J43" s="15">
        <v>156</v>
      </c>
      <c r="K43" s="109">
        <v>80</v>
      </c>
      <c r="L43" s="110">
        <v>76</v>
      </c>
      <c r="M43" s="15">
        <v>147</v>
      </c>
      <c r="N43" s="109">
        <v>76</v>
      </c>
      <c r="O43" s="111">
        <v>71</v>
      </c>
    </row>
    <row r="44" spans="1:15" ht="21" customHeight="1" x14ac:dyDescent="0.2">
      <c r="A44" s="158"/>
      <c r="B44" s="161"/>
      <c r="C44" s="20" t="s">
        <v>16</v>
      </c>
      <c r="D44" s="112">
        <v>247</v>
      </c>
      <c r="E44" s="44">
        <v>127</v>
      </c>
      <c r="F44" s="113">
        <v>120</v>
      </c>
      <c r="G44" s="21">
        <v>21</v>
      </c>
      <c r="H44" s="44">
        <v>10</v>
      </c>
      <c r="I44" s="114">
        <v>11</v>
      </c>
      <c r="J44" s="21">
        <v>91</v>
      </c>
      <c r="K44" s="115">
        <v>50</v>
      </c>
      <c r="L44" s="113">
        <v>41</v>
      </c>
      <c r="M44" s="21">
        <v>135</v>
      </c>
      <c r="N44" s="115">
        <v>67</v>
      </c>
      <c r="O44" s="116">
        <v>68</v>
      </c>
    </row>
    <row r="45" spans="1:15" ht="21" customHeight="1" x14ac:dyDescent="0.2">
      <c r="A45" s="156">
        <v>2010</v>
      </c>
      <c r="B45" s="159" t="s">
        <v>31</v>
      </c>
      <c r="C45" s="117" t="s">
        <v>32</v>
      </c>
      <c r="D45" s="118">
        <v>535</v>
      </c>
      <c r="E45" s="102">
        <v>285</v>
      </c>
      <c r="F45" s="103">
        <v>250</v>
      </c>
      <c r="G45" s="9">
        <v>34</v>
      </c>
      <c r="H45" s="102">
        <v>22</v>
      </c>
      <c r="I45" s="101">
        <v>12</v>
      </c>
      <c r="J45" s="9">
        <v>207</v>
      </c>
      <c r="K45" s="102">
        <v>109</v>
      </c>
      <c r="L45" s="103">
        <v>98</v>
      </c>
      <c r="M45" s="9">
        <v>294</v>
      </c>
      <c r="N45" s="102">
        <v>154</v>
      </c>
      <c r="O45" s="104">
        <v>140</v>
      </c>
    </row>
    <row r="46" spans="1:15" ht="21" customHeight="1" x14ac:dyDescent="0.2">
      <c r="A46" s="157"/>
      <c r="B46" s="160"/>
      <c r="C46" s="119" t="s">
        <v>33</v>
      </c>
      <c r="D46" s="120">
        <v>287</v>
      </c>
      <c r="E46" s="109">
        <v>154</v>
      </c>
      <c r="F46" s="110">
        <v>133</v>
      </c>
      <c r="G46" s="15">
        <v>21</v>
      </c>
      <c r="H46" s="109">
        <v>13</v>
      </c>
      <c r="I46" s="108">
        <v>8</v>
      </c>
      <c r="J46" s="15">
        <v>119</v>
      </c>
      <c r="K46" s="109">
        <v>61</v>
      </c>
      <c r="L46" s="110">
        <v>58</v>
      </c>
      <c r="M46" s="15">
        <v>147</v>
      </c>
      <c r="N46" s="109">
        <v>80</v>
      </c>
      <c r="O46" s="111">
        <v>67</v>
      </c>
    </row>
    <row r="47" spans="1:15" ht="21" customHeight="1" x14ac:dyDescent="0.2">
      <c r="A47" s="158"/>
      <c r="B47" s="161"/>
      <c r="C47" s="121" t="s">
        <v>34</v>
      </c>
      <c r="D47" s="122">
        <v>186</v>
      </c>
      <c r="E47" s="115">
        <v>97</v>
      </c>
      <c r="F47" s="113">
        <v>89</v>
      </c>
      <c r="G47" s="21">
        <v>10</v>
      </c>
      <c r="H47" s="115">
        <v>5</v>
      </c>
      <c r="I47" s="114">
        <v>5</v>
      </c>
      <c r="J47" s="21">
        <v>72</v>
      </c>
      <c r="K47" s="115">
        <v>42</v>
      </c>
      <c r="L47" s="113">
        <v>30</v>
      </c>
      <c r="M47" s="21">
        <v>104</v>
      </c>
      <c r="N47" s="115">
        <v>50</v>
      </c>
      <c r="O47" s="116">
        <v>54</v>
      </c>
    </row>
    <row r="48" spans="1:15" ht="21" customHeight="1" x14ac:dyDescent="0.2">
      <c r="A48" s="156">
        <v>2015</v>
      </c>
      <c r="B48" s="170" t="s">
        <v>35</v>
      </c>
      <c r="C48" s="123" t="s">
        <v>32</v>
      </c>
      <c r="D48" s="124">
        <v>377</v>
      </c>
      <c r="E48" s="125">
        <v>206</v>
      </c>
      <c r="F48" s="126">
        <v>171</v>
      </c>
      <c r="G48" s="63">
        <v>14</v>
      </c>
      <c r="H48" s="125">
        <v>9</v>
      </c>
      <c r="I48" s="126">
        <v>5</v>
      </c>
      <c r="J48" s="63">
        <v>125</v>
      </c>
      <c r="K48" s="125">
        <v>76</v>
      </c>
      <c r="L48" s="126">
        <v>49</v>
      </c>
      <c r="M48" s="63">
        <v>238</v>
      </c>
      <c r="N48" s="125">
        <v>121</v>
      </c>
      <c r="O48" s="127">
        <v>117</v>
      </c>
    </row>
    <row r="49" spans="1:15" ht="21" customHeight="1" x14ac:dyDescent="0.2">
      <c r="A49" s="157"/>
      <c r="B49" s="160"/>
      <c r="C49" s="119" t="s">
        <v>33</v>
      </c>
      <c r="D49" s="120">
        <v>216</v>
      </c>
      <c r="E49" s="109">
        <v>116</v>
      </c>
      <c r="F49" s="110">
        <v>100</v>
      </c>
      <c r="G49" s="15">
        <v>9</v>
      </c>
      <c r="H49" s="109">
        <v>6</v>
      </c>
      <c r="I49" s="110">
        <v>3</v>
      </c>
      <c r="J49" s="15">
        <v>63</v>
      </c>
      <c r="K49" s="109">
        <v>32</v>
      </c>
      <c r="L49" s="110">
        <v>31</v>
      </c>
      <c r="M49" s="15">
        <v>144</v>
      </c>
      <c r="N49" s="109">
        <v>78</v>
      </c>
      <c r="O49" s="111">
        <v>66</v>
      </c>
    </row>
    <row r="50" spans="1:15" ht="21" customHeight="1" x14ac:dyDescent="0.2">
      <c r="A50" s="158"/>
      <c r="B50" s="171"/>
      <c r="C50" s="139" t="s">
        <v>34</v>
      </c>
      <c r="D50" s="140">
        <v>118</v>
      </c>
      <c r="E50" s="141">
        <v>66</v>
      </c>
      <c r="F50" s="114">
        <v>52</v>
      </c>
      <c r="G50" s="69">
        <v>6</v>
      </c>
      <c r="H50" s="115">
        <v>4</v>
      </c>
      <c r="I50" s="114">
        <v>2</v>
      </c>
      <c r="J50" s="69">
        <v>43</v>
      </c>
      <c r="K50" s="141">
        <v>24</v>
      </c>
      <c r="L50" s="142">
        <v>19</v>
      </c>
      <c r="M50" s="21">
        <v>69</v>
      </c>
      <c r="N50" s="115">
        <v>38</v>
      </c>
      <c r="O50" s="116">
        <v>31</v>
      </c>
    </row>
    <row r="51" spans="1:15" ht="21" customHeight="1" x14ac:dyDescent="0.2">
      <c r="A51" s="168">
        <v>2020</v>
      </c>
      <c r="B51" s="174" t="s">
        <v>38</v>
      </c>
      <c r="C51" s="117" t="s">
        <v>32</v>
      </c>
      <c r="D51" s="118">
        <v>343</v>
      </c>
      <c r="E51" s="102">
        <v>188</v>
      </c>
      <c r="F51" s="126">
        <v>155</v>
      </c>
      <c r="G51" s="9">
        <v>19</v>
      </c>
      <c r="H51" s="125">
        <v>12</v>
      </c>
      <c r="I51" s="126">
        <v>7</v>
      </c>
      <c r="J51" s="9">
        <v>112</v>
      </c>
      <c r="K51" s="102">
        <v>67</v>
      </c>
      <c r="L51" s="101">
        <v>45</v>
      </c>
      <c r="M51" s="63">
        <v>212</v>
      </c>
      <c r="N51" s="125">
        <v>109</v>
      </c>
      <c r="O51" s="127">
        <v>103</v>
      </c>
    </row>
    <row r="52" spans="1:15" ht="21" customHeight="1" x14ac:dyDescent="0.2">
      <c r="A52" s="157"/>
      <c r="B52" s="175"/>
      <c r="C52" s="119" t="s">
        <v>33</v>
      </c>
      <c r="D52" s="120">
        <v>211</v>
      </c>
      <c r="E52" s="110">
        <v>119</v>
      </c>
      <c r="F52" s="108">
        <v>92</v>
      </c>
      <c r="G52" s="15">
        <v>4</v>
      </c>
      <c r="H52" s="109">
        <v>4</v>
      </c>
      <c r="I52" s="108">
        <v>0</v>
      </c>
      <c r="J52" s="15">
        <v>72</v>
      </c>
      <c r="K52" s="109">
        <v>43</v>
      </c>
      <c r="L52" s="110">
        <v>29</v>
      </c>
      <c r="M52" s="15">
        <v>135</v>
      </c>
      <c r="N52" s="109">
        <v>72</v>
      </c>
      <c r="O52" s="111">
        <v>63</v>
      </c>
    </row>
    <row r="53" spans="1:15" ht="21" customHeight="1" thickBot="1" x14ac:dyDescent="0.25">
      <c r="A53" s="173"/>
      <c r="B53" s="176"/>
      <c r="C53" s="128" t="s">
        <v>34</v>
      </c>
      <c r="D53" s="129">
        <v>120</v>
      </c>
      <c r="E53" s="130">
        <v>62</v>
      </c>
      <c r="F53" s="131">
        <v>58</v>
      </c>
      <c r="G53" s="132">
        <v>7</v>
      </c>
      <c r="H53" s="130">
        <v>4</v>
      </c>
      <c r="I53" s="177">
        <v>3</v>
      </c>
      <c r="J53" s="132">
        <v>49</v>
      </c>
      <c r="K53" s="130">
        <v>26</v>
      </c>
      <c r="L53" s="131">
        <v>23</v>
      </c>
      <c r="M53" s="132">
        <v>64</v>
      </c>
      <c r="N53" s="130">
        <v>32</v>
      </c>
      <c r="O53" s="133">
        <v>32</v>
      </c>
    </row>
    <row r="54" spans="1:15" x14ac:dyDescent="0.2">
      <c r="A54" s="134"/>
      <c r="B54" s="135" t="s">
        <v>36</v>
      </c>
      <c r="C54" s="135"/>
      <c r="D54" s="136"/>
      <c r="E54" s="136"/>
      <c r="F54" s="136"/>
      <c r="G54" s="136"/>
      <c r="H54" s="136"/>
      <c r="I54" s="136"/>
      <c r="J54" s="136"/>
      <c r="K54" s="134"/>
      <c r="L54" s="134"/>
      <c r="M54" s="134"/>
      <c r="N54" s="134"/>
      <c r="O54" s="134"/>
    </row>
    <row r="55" spans="1:15" x14ac:dyDescent="0.2">
      <c r="A55" s="137"/>
      <c r="B55" s="138" t="s">
        <v>39</v>
      </c>
      <c r="M55" s="137"/>
      <c r="N55" s="137"/>
      <c r="O55" s="137"/>
    </row>
    <row r="56" spans="1:15" x14ac:dyDescent="0.2">
      <c r="B56" s="172" t="s">
        <v>37</v>
      </c>
      <c r="C56" s="172"/>
      <c r="D56" s="172"/>
      <c r="E56" s="172"/>
      <c r="F56" s="172"/>
      <c r="G56" s="172"/>
      <c r="H56" s="172"/>
      <c r="I56" s="172"/>
      <c r="J56" s="172"/>
      <c r="K56" s="172"/>
      <c r="L56" s="172"/>
    </row>
  </sheetData>
  <mergeCells count="42">
    <mergeCell ref="B56:L56"/>
    <mergeCell ref="A42:A44"/>
    <mergeCell ref="B42:B44"/>
    <mergeCell ref="A45:A47"/>
    <mergeCell ref="B45:B47"/>
    <mergeCell ref="A51:A53"/>
    <mergeCell ref="B51:B53"/>
    <mergeCell ref="A48:A50"/>
    <mergeCell ref="B48:B50"/>
    <mergeCell ref="A33:A35"/>
    <mergeCell ref="B33:B35"/>
    <mergeCell ref="A36:A38"/>
    <mergeCell ref="B36:B38"/>
    <mergeCell ref="A39:A41"/>
    <mergeCell ref="B39:B41"/>
    <mergeCell ref="A24:A26"/>
    <mergeCell ref="B24:B26"/>
    <mergeCell ref="A27:A29"/>
    <mergeCell ref="B27:B29"/>
    <mergeCell ref="A30:A32"/>
    <mergeCell ref="B30:B32"/>
    <mergeCell ref="A15:A17"/>
    <mergeCell ref="B15:B17"/>
    <mergeCell ref="A18:A20"/>
    <mergeCell ref="B18:B20"/>
    <mergeCell ref="A21:A23"/>
    <mergeCell ref="B21:B23"/>
    <mergeCell ref="A6:A8"/>
    <mergeCell ref="B6:B8"/>
    <mergeCell ref="A9:A11"/>
    <mergeCell ref="B9:B11"/>
    <mergeCell ref="A12:A14"/>
    <mergeCell ref="B12:B14"/>
    <mergeCell ref="B2:O2"/>
    <mergeCell ref="K3:O3"/>
    <mergeCell ref="A4:A5"/>
    <mergeCell ref="B4:B5"/>
    <mergeCell ref="C4:C5"/>
    <mergeCell ref="D4:F4"/>
    <mergeCell ref="G4:I4"/>
    <mergeCell ref="J4:L4"/>
    <mergeCell ref="M4:O4"/>
  </mergeCells>
  <phoneticPr fontId="3"/>
  <pageMargins left="0.78740157480314965" right="0.78740157480314965" top="0.82677165354330717" bottom="0.39370078740157483" header="0.51181102362204722" footer="0.51181102362204722"/>
  <pageSetup paperSize="9" scale="75" orientation="landscape" horizontalDpi="300" verticalDpi="300" r:id="rId1"/>
  <headerFooter alignWithMargins="0"/>
  <rowBreaks count="1" manualBreakCount="1">
    <brk id="26" max="1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-3男女別農業従事者</vt:lpstr>
      <vt:lpstr>'1-3男女別農業従事者'!Print_Area</vt:lpstr>
      <vt:lpstr>'1-3男女別農業従事者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9-22T06:44:22Z</cp:lastPrinted>
  <dcterms:created xsi:type="dcterms:W3CDTF">2017-10-24T07:31:06Z</dcterms:created>
  <dcterms:modified xsi:type="dcterms:W3CDTF">2021-09-30T01:46:31Z</dcterms:modified>
</cp:coreProperties>
</file>